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425"/>
  <workbookPr codeName="ThisWorkbook" defaultThemeVersion="166925"/>
  <mc:AlternateContent xmlns:mc="http://schemas.openxmlformats.org/markup-compatibility/2006">
    <mc:Choice Requires="x15">
      <x15ac:absPath xmlns:x15ac="http://schemas.microsoft.com/office/spreadsheetml/2010/11/ac" url="\\smd1fs01\s165\S165経営支援部\新事部-R1連携事業支援☆\C2 03販路開拓支援\C2 01 パートナー事業\C2 03 パートナー企画\C2 令和6年度\03-01_Maruichi\01_エントリー\02_能登半島地震復興フェア\"/>
    </mc:Choice>
  </mc:AlternateContent>
  <xr:revisionPtr revIDLastSave="0" documentId="13_ncr:1_{F3F9D9E2-4F28-454E-AC79-726F38DDE427}" xr6:coauthVersionLast="47" xr6:coauthVersionMax="47" xr10:uidLastSave="{00000000-0000-0000-0000-000000000000}"/>
  <bookViews>
    <workbookView xWindow="-120" yWindow="-16320" windowWidth="29040" windowHeight="15840" xr2:uid="{00000000-000D-0000-FFFF-FFFF00000000}"/>
  </bookViews>
  <sheets>
    <sheet name="商品カルテ" sheetId="12" r:id="rId1"/>
    <sheet name="リスト" sheetId="13" state="hidden" r:id="rId2"/>
  </sheets>
  <definedNames>
    <definedName name="_xlnm.Print_Area" localSheetId="0">商品カルテ!$A$1:$AC$41</definedName>
    <definedName name="サービス業・他に分類されないもの">リスト!$AO$3:$AO$11</definedName>
    <definedName name="医療・福祉">リスト!$AM$3:$AM$5</definedName>
    <definedName name="運輸業・郵便業">リスト!$AE$3:$AE$10</definedName>
    <definedName name="卸売業・小売業">リスト!$AF$3:$AF$14</definedName>
    <definedName name="学術研究・専門・技術サービス業">リスト!$AI$3:$AI$6</definedName>
    <definedName name="漁業">リスト!$Y$3:$Y$4</definedName>
    <definedName name="教育・学習支援業">リスト!$AL$3:$AL$4</definedName>
    <definedName name="金融業・保険業">リスト!$AG$3:$AG$8</definedName>
    <definedName name="建設業">リスト!$AA$3:$AA$5</definedName>
    <definedName name="公務・他に分類されるものを除く">リスト!$AP$3:$AP$4</definedName>
    <definedName name="鉱業・採石業・砂利採取業">リスト!$Z$3</definedName>
    <definedName name="宿泊業・飲食サービス業">リスト!$AJ$3:$AJ$5</definedName>
    <definedName name="情報通信業">リスト!$AD$3:$AD$7</definedName>
    <definedName name="生活関連サービス業・娯楽業">リスト!$AK$3:$AK$5</definedName>
    <definedName name="製造業">リスト!$AB$3:$AB$26</definedName>
    <definedName name="電気・ガス・熱供給・水道業">リスト!$AC$3:$AC$6</definedName>
    <definedName name="農業・林業">リスト!$X$3:$X$4</definedName>
    <definedName name="不動産業・物品賃貸業">リスト!$AH$3:$AH$5</definedName>
    <definedName name="複合サービス事業">リスト!$AN$3:$AN$4</definedName>
    <definedName name="分類不能の産業">リスト!$AQ$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C15" i="12" l="1"/>
</calcChain>
</file>

<file path=xl/sharedStrings.xml><?xml version="1.0" encoding="utf-8"?>
<sst xmlns="http://schemas.openxmlformats.org/spreadsheetml/2006/main" count="257" uniqueCount="253">
  <si>
    <t>フリガナ</t>
    <phoneticPr fontId="3"/>
  </si>
  <si>
    <t>企業名</t>
    <rPh sb="0" eb="2">
      <t>キギョウ</t>
    </rPh>
    <rPh sb="2" eb="3">
      <t>メイ</t>
    </rPh>
    <phoneticPr fontId="3"/>
  </si>
  <si>
    <t>商品名</t>
    <rPh sb="0" eb="3">
      <t>ショウヒンメイ</t>
    </rPh>
    <phoneticPr fontId="3"/>
  </si>
  <si>
    <t>円</t>
    <rPh sb="0" eb="1">
      <t>エン</t>
    </rPh>
    <phoneticPr fontId="3"/>
  </si>
  <si>
    <t>標準卸価格
(税抜)</t>
    <rPh sb="0" eb="2">
      <t>ヒョウジュン</t>
    </rPh>
    <rPh sb="2" eb="5">
      <t>オロシカカク</t>
    </rPh>
    <rPh sb="7" eb="8">
      <t>ゼイ</t>
    </rPh>
    <rPh sb="8" eb="9">
      <t>ヌ</t>
    </rPh>
    <phoneticPr fontId="3"/>
  </si>
  <si>
    <t>表示</t>
    <rPh sb="0" eb="2">
      <t>ヒョウジ</t>
    </rPh>
    <phoneticPr fontId="3"/>
  </si>
  <si>
    <t>製造者名</t>
    <rPh sb="0" eb="3">
      <t>セイゾウシャ</t>
    </rPh>
    <rPh sb="3" eb="4">
      <t>メイ</t>
    </rPh>
    <phoneticPr fontId="3"/>
  </si>
  <si>
    <t>希望小売
価格(税抜)</t>
    <rPh sb="0" eb="2">
      <t>キボウ</t>
    </rPh>
    <rPh sb="2" eb="4">
      <t>コウリ</t>
    </rPh>
    <rPh sb="5" eb="7">
      <t>カカク</t>
    </rPh>
    <rPh sb="9" eb="10">
      <t>ヌ</t>
    </rPh>
    <phoneticPr fontId="3"/>
  </si>
  <si>
    <t>記入日</t>
    <rPh sb="0" eb="2">
      <t>キニュウ</t>
    </rPh>
    <rPh sb="2" eb="3">
      <t>ビ</t>
    </rPh>
    <phoneticPr fontId="3"/>
  </si>
  <si>
    <t>取得基準</t>
    <rPh sb="0" eb="2">
      <t>シュトク</t>
    </rPh>
    <rPh sb="2" eb="4">
      <t>キジュン</t>
    </rPh>
    <phoneticPr fontId="3"/>
  </si>
  <si>
    <t>消費・賞味期限</t>
    <rPh sb="0" eb="2">
      <t>ショウヒ</t>
    </rPh>
    <rPh sb="3" eb="5">
      <t>ショウミ</t>
    </rPh>
    <rPh sb="5" eb="7">
      <t>キゲン</t>
    </rPh>
    <phoneticPr fontId="3"/>
  </si>
  <si>
    <t>調味料</t>
  </si>
  <si>
    <t>日</t>
    <rPh sb="0" eb="1">
      <t>ヒ</t>
    </rPh>
    <phoneticPr fontId="3"/>
  </si>
  <si>
    <t>月</t>
    <rPh sb="0" eb="1">
      <t>ツキ</t>
    </rPh>
    <phoneticPr fontId="3"/>
  </si>
  <si>
    <t>年</t>
    <rPh sb="0" eb="1">
      <t>ネン</t>
    </rPh>
    <phoneticPr fontId="3"/>
  </si>
  <si>
    <t>その他</t>
    <rPh sb="2" eb="3">
      <t>タ</t>
    </rPh>
    <phoneticPr fontId="3"/>
  </si>
  <si>
    <t>冷凍</t>
    <rPh sb="0" eb="2">
      <t>レイトウ</t>
    </rPh>
    <phoneticPr fontId="3"/>
  </si>
  <si>
    <t>冷蔵</t>
    <rPh sb="0" eb="2">
      <t>レイゾウ</t>
    </rPh>
    <phoneticPr fontId="3"/>
  </si>
  <si>
    <t>常温</t>
    <rPh sb="0" eb="2">
      <t>ジョウオン</t>
    </rPh>
    <phoneticPr fontId="3"/>
  </si>
  <si>
    <t>　幅（W）×奥行（D）×高さ（H）</t>
    <phoneticPr fontId="3"/>
  </si>
  <si>
    <t>【商品画像】</t>
    <rPh sb="1" eb="5">
      <t>ショウヒンガゾウ</t>
    </rPh>
    <phoneticPr fontId="3"/>
  </si>
  <si>
    <t>アレルギー指定品目（7項目（必須）+21項目（任意））</t>
    <phoneticPr fontId="3"/>
  </si>
  <si>
    <t>えび</t>
    <phoneticPr fontId="3"/>
  </si>
  <si>
    <t>かに</t>
    <phoneticPr fontId="3"/>
  </si>
  <si>
    <t>卵</t>
    <rPh sb="0" eb="1">
      <t>タマゴ</t>
    </rPh>
    <phoneticPr fontId="3"/>
  </si>
  <si>
    <t>乳</t>
    <rPh sb="0" eb="1">
      <t>チチ</t>
    </rPh>
    <phoneticPr fontId="3"/>
  </si>
  <si>
    <t>落花生</t>
    <rPh sb="0" eb="3">
      <t>ラッカセイ</t>
    </rPh>
    <phoneticPr fontId="3"/>
  </si>
  <si>
    <t>小麦</t>
    <rPh sb="0" eb="2">
      <t>コムギ</t>
    </rPh>
    <phoneticPr fontId="3"/>
  </si>
  <si>
    <t>アーモンド</t>
    <phoneticPr fontId="3"/>
  </si>
  <si>
    <t>あわび</t>
    <phoneticPr fontId="3"/>
  </si>
  <si>
    <t>いか</t>
    <phoneticPr fontId="3"/>
  </si>
  <si>
    <t>いくら</t>
    <phoneticPr fontId="3"/>
  </si>
  <si>
    <t>オレンジ</t>
    <phoneticPr fontId="3"/>
  </si>
  <si>
    <t>カシューナッツ</t>
    <phoneticPr fontId="3"/>
  </si>
  <si>
    <t>キウイフルーツ</t>
    <phoneticPr fontId="3"/>
  </si>
  <si>
    <t>牛肉</t>
    <rPh sb="0" eb="2">
      <t>ギュウニク</t>
    </rPh>
    <phoneticPr fontId="3"/>
  </si>
  <si>
    <t>ごま</t>
    <phoneticPr fontId="3"/>
  </si>
  <si>
    <t>さけ</t>
    <phoneticPr fontId="3"/>
  </si>
  <si>
    <t>さば</t>
    <phoneticPr fontId="3"/>
  </si>
  <si>
    <t>鶏肉</t>
    <rPh sb="0" eb="2">
      <t>トリニク</t>
    </rPh>
    <phoneticPr fontId="3"/>
  </si>
  <si>
    <t>バナナ</t>
    <phoneticPr fontId="3"/>
  </si>
  <si>
    <t>豚肉</t>
    <rPh sb="0" eb="2">
      <t>ブタニク</t>
    </rPh>
    <phoneticPr fontId="3"/>
  </si>
  <si>
    <t>まつたけ</t>
    <phoneticPr fontId="3"/>
  </si>
  <si>
    <t>あり</t>
    <phoneticPr fontId="3"/>
  </si>
  <si>
    <t>なし</t>
    <phoneticPr fontId="3"/>
  </si>
  <si>
    <t>※食品衛生法表示義務に基づく表示のない場合は販売できません</t>
    <rPh sb="19" eb="21">
      <t>バアイ</t>
    </rPh>
    <rPh sb="22" eb="24">
      <t>ハンバイ</t>
    </rPh>
    <phoneticPr fontId="3"/>
  </si>
  <si>
    <t>賞味期限</t>
    <rPh sb="0" eb="4">
      <t>ショウミキゲン</t>
    </rPh>
    <phoneticPr fontId="3"/>
  </si>
  <si>
    <t>消費期限</t>
    <rPh sb="0" eb="4">
      <t>ショウヒキゲン</t>
    </rPh>
    <phoneticPr fontId="3"/>
  </si>
  <si>
    <t>表示なし</t>
    <rPh sb="0" eb="2">
      <t>ヒョウジ</t>
    </rPh>
    <phoneticPr fontId="3"/>
  </si>
  <si>
    <t>提供できる</t>
    <rPh sb="0" eb="2">
      <t>テイキョウ</t>
    </rPh>
    <phoneticPr fontId="3"/>
  </si>
  <si>
    <t>提供できない</t>
    <rPh sb="0" eb="2">
      <t>テイキョウ</t>
    </rPh>
    <phoneticPr fontId="3"/>
  </si>
  <si>
    <t>専門店・セレクトショップ</t>
    <rPh sb="0" eb="3">
      <t>センモンテン</t>
    </rPh>
    <phoneticPr fontId="3"/>
  </si>
  <si>
    <t>カタログギフト・通信販売</t>
    <rPh sb="8" eb="12">
      <t>ツウシンハンバイ</t>
    </rPh>
    <phoneticPr fontId="3"/>
  </si>
  <si>
    <t xml:space="preserve"> 商社・卸売</t>
    <rPh sb="1" eb="3">
      <t>ショウシャ</t>
    </rPh>
    <rPh sb="4" eb="6">
      <t>オロシウ</t>
    </rPh>
    <phoneticPr fontId="3"/>
  </si>
  <si>
    <t xml:space="preserve"> 商業施設</t>
    <rPh sb="1" eb="3">
      <t>ショウギョウ</t>
    </rPh>
    <rPh sb="3" eb="5">
      <t>シセツ</t>
    </rPh>
    <phoneticPr fontId="3"/>
  </si>
  <si>
    <t xml:space="preserve"> ECモール</t>
    <phoneticPr fontId="3"/>
  </si>
  <si>
    <t xml:space="preserve"> 自社店舗</t>
    <rPh sb="1" eb="3">
      <t>ジシャ</t>
    </rPh>
    <rPh sb="3" eb="5">
      <t>テンポ</t>
    </rPh>
    <phoneticPr fontId="3"/>
  </si>
  <si>
    <t xml:space="preserve"> 自社HP・ECサイト</t>
    <rPh sb="1" eb="3">
      <t>ジシャ</t>
    </rPh>
    <phoneticPr fontId="3"/>
  </si>
  <si>
    <t xml:space="preserve"> その他</t>
    <rPh sb="3" eb="4">
      <t>タ</t>
    </rPh>
    <phoneticPr fontId="3"/>
  </si>
  <si>
    <t>販売実績・方法</t>
    <phoneticPr fontId="3"/>
  </si>
  <si>
    <t>上記の具体的な内容（店舗名等）</t>
    <rPh sb="7" eb="9">
      <t>ナイヨウ</t>
    </rPh>
    <rPh sb="10" eb="12">
      <t>テンポ</t>
    </rPh>
    <rPh sb="12" eb="13">
      <t>メイ</t>
    </rPh>
    <rPh sb="13" eb="14">
      <t>ナド</t>
    </rPh>
    <phoneticPr fontId="3"/>
  </si>
  <si>
    <t xml:space="preserve"> ISO9001 </t>
    <phoneticPr fontId="3"/>
  </si>
  <si>
    <t xml:space="preserve"> HACCP(旧A基準)</t>
    <rPh sb="7" eb="8">
      <t>キュウ</t>
    </rPh>
    <rPh sb="9" eb="11">
      <t>キジュン</t>
    </rPh>
    <phoneticPr fontId="3"/>
  </si>
  <si>
    <t xml:space="preserve"> HACCP(旧B基準)</t>
    <rPh sb="7" eb="8">
      <t>キュウ</t>
    </rPh>
    <rPh sb="9" eb="11">
      <t>キジュン</t>
    </rPh>
    <phoneticPr fontId="3"/>
  </si>
  <si>
    <t xml:space="preserve"> JAS規格</t>
    <rPh sb="4" eb="6">
      <t>キカク</t>
    </rPh>
    <phoneticPr fontId="3"/>
  </si>
  <si>
    <t xml:space="preserve"> GAP認証</t>
    <rPh sb="4" eb="6">
      <t>ニンショウ</t>
    </rPh>
    <phoneticPr fontId="3"/>
  </si>
  <si>
    <t>ハラル認証</t>
    <rPh sb="3" eb="5">
      <t>ニンショウ</t>
    </rPh>
    <phoneticPr fontId="3"/>
  </si>
  <si>
    <t xml:space="preserve"> オーガニック認証</t>
    <rPh sb="7" eb="9">
      <t>ニンショウ</t>
    </rPh>
    <phoneticPr fontId="3"/>
  </si>
  <si>
    <t>✓</t>
    <phoneticPr fontId="3"/>
  </si>
  <si>
    <t xml:space="preserve"> ISO14001</t>
    <phoneticPr fontId="3"/>
  </si>
  <si>
    <t>ISO27001</t>
    <phoneticPr fontId="3"/>
  </si>
  <si>
    <t>卸売者名</t>
    <rPh sb="0" eb="3">
      <t>オロシウリシャ</t>
    </rPh>
    <rPh sb="3" eb="4">
      <t>メイ</t>
    </rPh>
    <phoneticPr fontId="3"/>
  </si>
  <si>
    <t>買取</t>
    <rPh sb="0" eb="2">
      <t>カイトリ</t>
    </rPh>
    <phoneticPr fontId="3"/>
  </si>
  <si>
    <t>委託</t>
    <rPh sb="0" eb="2">
      <t>イタク</t>
    </rPh>
    <phoneticPr fontId="3"/>
  </si>
  <si>
    <t>個別条</t>
    <rPh sb="0" eb="2">
      <t>コベツ</t>
    </rPh>
    <rPh sb="2" eb="3">
      <t>ジョウ</t>
    </rPh>
    <phoneticPr fontId="3"/>
  </si>
  <si>
    <t>PL保険加入</t>
    <rPh sb="2" eb="4">
      <t>ホケン</t>
    </rPh>
    <rPh sb="4" eb="6">
      <t>カニュウ</t>
    </rPh>
    <phoneticPr fontId="3"/>
  </si>
  <si>
    <t>全国</t>
    <rPh sb="0" eb="2">
      <t>ゼンコク</t>
    </rPh>
    <phoneticPr fontId="3"/>
  </si>
  <si>
    <t>地域限定</t>
    <rPh sb="0" eb="4">
      <t>チイキゲンテイ</t>
    </rPh>
    <phoneticPr fontId="3"/>
  </si>
  <si>
    <t>りんご</t>
    <phoneticPr fontId="3"/>
  </si>
  <si>
    <t>外部機関のチェック有</t>
    <rPh sb="0" eb="4">
      <t>ガイブキカン</t>
    </rPh>
    <rPh sb="9" eb="10">
      <t>アリ</t>
    </rPh>
    <phoneticPr fontId="3"/>
  </si>
  <si>
    <t>社内チェックのみ</t>
    <rPh sb="0" eb="2">
      <t>シャナイ</t>
    </rPh>
    <phoneticPr fontId="3"/>
  </si>
  <si>
    <t>原材料名
（添加物含）</t>
    <rPh sb="0" eb="4">
      <t>ゲンザイリョウメイ</t>
    </rPh>
    <rPh sb="6" eb="9">
      <t>テンカブツ</t>
    </rPh>
    <rPh sb="9" eb="10">
      <t>ガン</t>
    </rPh>
    <phoneticPr fontId="3"/>
  </si>
  <si>
    <t>サンプル</t>
  </si>
  <si>
    <t>対応済</t>
    <rPh sb="0" eb="2">
      <t>タイオウ</t>
    </rPh>
    <rPh sb="2" eb="3">
      <t>スミ</t>
    </rPh>
    <phoneticPr fontId="3"/>
  </si>
  <si>
    <t>未対応</t>
    <rPh sb="0" eb="3">
      <t>ミタイオウ</t>
    </rPh>
    <phoneticPr fontId="3"/>
  </si>
  <si>
    <t>やまいも</t>
    <phoneticPr fontId="3"/>
  </si>
  <si>
    <t>ゼラチン</t>
    <phoneticPr fontId="3"/>
  </si>
  <si>
    <t>もも</t>
    <phoneticPr fontId="3"/>
  </si>
  <si>
    <t>大豆</t>
    <rPh sb="0" eb="2">
      <t>ダイズ</t>
    </rPh>
    <phoneticPr fontId="3"/>
  </si>
  <si>
    <t>くるみ</t>
    <phoneticPr fontId="3"/>
  </si>
  <si>
    <t>そば</t>
    <phoneticPr fontId="3"/>
  </si>
  <si>
    <t>当該商品の
販売状況</t>
    <rPh sb="0" eb="2">
      <t>トウガイ</t>
    </rPh>
    <rPh sb="2" eb="4">
      <t>ショウヒン</t>
    </rPh>
    <rPh sb="6" eb="10">
      <t>ハンバイジョウキョウ</t>
    </rPh>
    <phoneticPr fontId="3"/>
  </si>
  <si>
    <t>商品情報
商品管理基準</t>
    <rPh sb="0" eb="2">
      <t>ショウヒン</t>
    </rPh>
    <rPh sb="2" eb="4">
      <t>ジョウホウ</t>
    </rPh>
    <rPh sb="5" eb="7">
      <t>ショウヒン</t>
    </rPh>
    <rPh sb="7" eb="9">
      <t>カンリ</t>
    </rPh>
    <rPh sb="9" eb="11">
      <t>キジュン</t>
    </rPh>
    <phoneticPr fontId="3"/>
  </si>
  <si>
    <t>商品コンセプト・
特長等
(200文字程度)</t>
    <rPh sb="0" eb="2">
      <t>ショウヒン</t>
    </rPh>
    <rPh sb="9" eb="10">
      <t>トク</t>
    </rPh>
    <rPh sb="10" eb="11">
      <t>チョウ</t>
    </rPh>
    <rPh sb="11" eb="12">
      <t>トウ</t>
    </rPh>
    <rPh sb="17" eb="18">
      <t>ブン</t>
    </rPh>
    <rPh sb="18" eb="19">
      <t>ジ</t>
    </rPh>
    <rPh sb="19" eb="21">
      <t>テイド</t>
    </rPh>
    <phoneticPr fontId="3"/>
  </si>
  <si>
    <t>個</t>
    <rPh sb="0" eb="1">
      <t>コ</t>
    </rPh>
    <phoneticPr fontId="3"/>
  </si>
  <si>
    <t>ケース</t>
    <phoneticPr fontId="3"/>
  </si>
  <si>
    <t>果物</t>
  </si>
  <si>
    <t>野菜</t>
  </si>
  <si>
    <t>鮮魚</t>
  </si>
  <si>
    <t>塩干</t>
  </si>
  <si>
    <t>加工肉</t>
  </si>
  <si>
    <t>生肉</t>
  </si>
  <si>
    <t>デリカ</t>
  </si>
  <si>
    <t>日配</t>
  </si>
  <si>
    <t>冷凍食品</t>
  </si>
  <si>
    <t>加工食品</t>
  </si>
  <si>
    <t>菓子</t>
  </si>
  <si>
    <t>酒類</t>
  </si>
  <si>
    <t>日用品・雑貨</t>
  </si>
  <si>
    <t>その他</t>
  </si>
  <si>
    <t>ケースサイズ</t>
    <phoneticPr fontId="3"/>
  </si>
  <si>
    <t>ケース重量</t>
    <rPh sb="3" eb="5">
      <t>ジュウリョウ</t>
    </rPh>
    <phoneticPr fontId="3"/>
  </si>
  <si>
    <t>温度帯</t>
    <rPh sb="0" eb="3">
      <t>オンドタイ</t>
    </rPh>
    <phoneticPr fontId="3"/>
  </si>
  <si>
    <t>内容量（g/ml等）</t>
    <rPh sb="0" eb="3">
      <t>ナイヨウリョウ</t>
    </rPh>
    <rPh sb="8" eb="9">
      <t>ナド</t>
    </rPh>
    <phoneticPr fontId="3"/>
  </si>
  <si>
    <t>ケース入数</t>
    <rPh sb="3" eb="5">
      <t>イリスウ</t>
    </rPh>
    <phoneticPr fontId="3"/>
  </si>
  <si>
    <t>配送ロット</t>
    <rPh sb="0" eb="2">
      <t>ハイソウ</t>
    </rPh>
    <phoneticPr fontId="1"/>
  </si>
  <si>
    <t>訴求ポイント</t>
    <rPh sb="0" eb="2">
      <t>ソキュウ</t>
    </rPh>
    <phoneticPr fontId="3"/>
  </si>
  <si>
    <t>その理由</t>
    <rPh sb="2" eb="4">
      <t>リユウ</t>
    </rPh>
    <phoneticPr fontId="3"/>
  </si>
  <si>
    <t>輸出実績</t>
    <rPh sb="0" eb="2">
      <t>ユシュツ</t>
    </rPh>
    <rPh sb="2" eb="4">
      <t>ジッセキ</t>
    </rPh>
    <phoneticPr fontId="3"/>
  </si>
  <si>
    <t>輸出国</t>
    <rPh sb="0" eb="3">
      <t>ユシュツコク</t>
    </rPh>
    <phoneticPr fontId="3"/>
  </si>
  <si>
    <t>その期間</t>
    <rPh sb="2" eb="4">
      <t>キカン</t>
    </rPh>
    <phoneticPr fontId="3"/>
  </si>
  <si>
    <t>輸出希望国</t>
    <rPh sb="0" eb="2">
      <t>ユシュツ</t>
    </rPh>
    <rPh sb="2" eb="4">
      <t>キボウ</t>
    </rPh>
    <rPh sb="4" eb="5">
      <t>コク</t>
    </rPh>
    <phoneticPr fontId="3"/>
  </si>
  <si>
    <t>その他特記事項</t>
    <rPh sb="2" eb="3">
      <t>タ</t>
    </rPh>
    <rPh sb="3" eb="5">
      <t>トッキ</t>
    </rPh>
    <rPh sb="5" eb="7">
      <t>ジコウ</t>
    </rPh>
    <phoneticPr fontId="3"/>
  </si>
  <si>
    <t>食品輸出エントリーシート</t>
    <rPh sb="0" eb="2">
      <t>ショクヒン</t>
    </rPh>
    <rPh sb="2" eb="4">
      <t>ユシュツ</t>
    </rPh>
    <phoneticPr fontId="3"/>
  </si>
  <si>
    <t>Maruichi</t>
    <phoneticPr fontId="3"/>
  </si>
  <si>
    <t xml:space="preserve">輸出は全くの未経験 </t>
    <phoneticPr fontId="3"/>
  </si>
  <si>
    <t xml:space="preserve">輸出実績はあるが、2022年1月以降には実績がない </t>
    <phoneticPr fontId="3"/>
  </si>
  <si>
    <t xml:space="preserve">輸出実績はあるが新たな国・地域に取り組みたい </t>
    <phoneticPr fontId="3"/>
  </si>
  <si>
    <t xml:space="preserve">輸出実績はあるが、新しい商品輸出に取り組みたい </t>
    <phoneticPr fontId="3"/>
  </si>
  <si>
    <t xml:space="preserve">輸出実績はあるが、新しい販路開拓方法に取り組みたい </t>
    <phoneticPr fontId="3"/>
  </si>
  <si>
    <t>鉱業・採石業・砂利採取業</t>
  </si>
  <si>
    <t>分類不能の産業</t>
  </si>
  <si>
    <t>農業</t>
  </si>
  <si>
    <t>漁業（水産養殖業を除く）</t>
  </si>
  <si>
    <t>総合工事業</t>
  </si>
  <si>
    <t>食料品製造業</t>
  </si>
  <si>
    <t>電気業</t>
  </si>
  <si>
    <t>通信業</t>
  </si>
  <si>
    <t>鉄道業</t>
  </si>
  <si>
    <t>各種商品卸売業</t>
  </si>
  <si>
    <t>銀行業</t>
  </si>
  <si>
    <t>不動産取引業</t>
  </si>
  <si>
    <t>学術・開発研究機関</t>
  </si>
  <si>
    <t>宿泊業</t>
  </si>
  <si>
    <t>洗濯・理容・美容・浴場業</t>
  </si>
  <si>
    <t>学校教育</t>
  </si>
  <si>
    <t>医療業</t>
  </si>
  <si>
    <t>郵便局</t>
  </si>
  <si>
    <t>廃棄物処理業</t>
  </si>
  <si>
    <t>国家公務</t>
  </si>
  <si>
    <t>林業</t>
  </si>
  <si>
    <t>水産養殖業</t>
  </si>
  <si>
    <t>職別工事業(設備工事業を除く)</t>
  </si>
  <si>
    <t>飲料・たばこ・飼料製造業</t>
  </si>
  <si>
    <t>ガス業</t>
  </si>
  <si>
    <t>放送業</t>
  </si>
  <si>
    <t>道路旅客運送業</t>
  </si>
  <si>
    <t>繊維・衣服等卸売業</t>
  </si>
  <si>
    <t>協同組織金融業</t>
  </si>
  <si>
    <t>不動産賃貸業・管理業</t>
  </si>
  <si>
    <t>専門サービス業（他に分類されないもの）</t>
  </si>
  <si>
    <t>飲食店</t>
  </si>
  <si>
    <t>その他の生活関連サービス業</t>
  </si>
  <si>
    <t>その他の教育，学習支援業</t>
  </si>
  <si>
    <t>保健衛生</t>
  </si>
  <si>
    <t>協同組合（他に分類されないもの）</t>
  </si>
  <si>
    <t>自動車整備業</t>
  </si>
  <si>
    <t>地方公務</t>
  </si>
  <si>
    <t>設備工事業</t>
  </si>
  <si>
    <t>繊維工業</t>
  </si>
  <si>
    <t>熱供給業</t>
  </si>
  <si>
    <t>情報サービス業</t>
  </si>
  <si>
    <t>道路貨物運送業</t>
  </si>
  <si>
    <t>飲食料品卸売業</t>
  </si>
  <si>
    <t>貸金業，クレジットカード業等非預金信用機関</t>
  </si>
  <si>
    <t>物品賃貸業</t>
  </si>
  <si>
    <t>広告業</t>
  </si>
  <si>
    <t>持ち帰り・配達飲食サービス業</t>
  </si>
  <si>
    <t>娯楽業</t>
  </si>
  <si>
    <t>社会保険・社会福祉・介護事業</t>
  </si>
  <si>
    <t>機械等修理業（別掲を除く）</t>
  </si>
  <si>
    <t>木材・木製品製造業（家具を除く）</t>
  </si>
  <si>
    <t>水道業</t>
  </si>
  <si>
    <t>インターネット附随サービス業</t>
  </si>
  <si>
    <t>水運業</t>
  </si>
  <si>
    <t>建築材料，鉱物・金属材料等卸売業</t>
  </si>
  <si>
    <t>金融商品取引業，商品先物取引業</t>
  </si>
  <si>
    <t>技術サービス業（他に分類されないもの）</t>
  </si>
  <si>
    <t>職業紹介・労働者派遣業</t>
  </si>
  <si>
    <t>家具・装備品製造業</t>
  </si>
  <si>
    <t>映像・音声・文字情報制作業</t>
  </si>
  <si>
    <t>航空運輸業</t>
  </si>
  <si>
    <t>機械器具卸売業</t>
  </si>
  <si>
    <t>補助的金融業等</t>
  </si>
  <si>
    <t>その他の事業サービス業</t>
  </si>
  <si>
    <t>パルプ・紙・紙加工品製造業</t>
  </si>
  <si>
    <t>倉庫業</t>
  </si>
  <si>
    <t>その他の卸売業</t>
  </si>
  <si>
    <t>保険業（保険媒介代理業，保険サービス業を含む）</t>
  </si>
  <si>
    <t>政治・経済・文化団体</t>
  </si>
  <si>
    <t>印刷・同関連業</t>
  </si>
  <si>
    <t>運輸に附帯するサービス業</t>
  </si>
  <si>
    <t>各種商品小売業</t>
  </si>
  <si>
    <t>宗教</t>
  </si>
  <si>
    <t>化学工業</t>
  </si>
  <si>
    <t>郵便業（信書便事業を含む）</t>
  </si>
  <si>
    <t>織物・衣服・身の回り品小売業</t>
  </si>
  <si>
    <t>その他のサービス業</t>
  </si>
  <si>
    <t>石油製品・石炭製品製造業</t>
  </si>
  <si>
    <t>飲食料品小売業</t>
  </si>
  <si>
    <t>外国公務</t>
  </si>
  <si>
    <t>プラスチック製品製造業（別掲を除く）</t>
  </si>
  <si>
    <t>機械器具小売業</t>
  </si>
  <si>
    <t>ゴム製品製造業</t>
  </si>
  <si>
    <t>その他の小売業</t>
  </si>
  <si>
    <t>なめし革・同製品・毛皮製造業</t>
  </si>
  <si>
    <t>無店舗小売業</t>
  </si>
  <si>
    <t>窯業・土石製品製造業</t>
  </si>
  <si>
    <t>鉄鋼業</t>
  </si>
  <si>
    <t>非鉄金属製造業</t>
  </si>
  <si>
    <t>金属製品製造業</t>
  </si>
  <si>
    <t>はん用機械器具製造業</t>
  </si>
  <si>
    <t>生産用機械器具製造業</t>
  </si>
  <si>
    <t>業務用機械器具製造業</t>
  </si>
  <si>
    <t>電子部品・デバイス・電子回路製造業</t>
  </si>
  <si>
    <t>電気機械器具製造業</t>
  </si>
  <si>
    <t>情報通信機械器具製造業</t>
  </si>
  <si>
    <t>輸送用機械器具製造業</t>
  </si>
  <si>
    <t>その他の製造業</t>
  </si>
  <si>
    <t>農業・林業</t>
    <phoneticPr fontId="3"/>
  </si>
  <si>
    <t>漁業</t>
    <phoneticPr fontId="3"/>
  </si>
  <si>
    <t>鉱業・採石業・砂利採取業</t>
    <phoneticPr fontId="3"/>
  </si>
  <si>
    <t>建設業</t>
    <phoneticPr fontId="3"/>
  </si>
  <si>
    <t>製造業</t>
    <phoneticPr fontId="3"/>
  </si>
  <si>
    <t>電気・ガス・熱供給・水道業</t>
    <phoneticPr fontId="3"/>
  </si>
  <si>
    <t>情報通信業</t>
    <phoneticPr fontId="3"/>
  </si>
  <si>
    <t>運輸業・郵便業</t>
    <phoneticPr fontId="3"/>
  </si>
  <si>
    <t>卸売業・小売業</t>
    <phoneticPr fontId="3"/>
  </si>
  <si>
    <t>分類不能の産業</t>
    <phoneticPr fontId="3"/>
  </si>
  <si>
    <t>公務・他に分類されるものを除く</t>
    <phoneticPr fontId="3"/>
  </si>
  <si>
    <t>サービス業・他に分類されないもの</t>
    <phoneticPr fontId="3"/>
  </si>
  <si>
    <t>複合サービス事業</t>
    <phoneticPr fontId="3"/>
  </si>
  <si>
    <t>医療・福祉</t>
    <phoneticPr fontId="3"/>
  </si>
  <si>
    <t>教育・学習支援業</t>
    <phoneticPr fontId="3"/>
  </si>
  <si>
    <t>生活関連サービス業・娯楽業</t>
    <phoneticPr fontId="3"/>
  </si>
  <si>
    <t>宿泊業・飲食サービス業</t>
    <phoneticPr fontId="3"/>
  </si>
  <si>
    <t>学術研究・専門・技術サービス業</t>
    <phoneticPr fontId="3"/>
  </si>
  <si>
    <t>不動産業・物品賃貸業</t>
    <phoneticPr fontId="3"/>
  </si>
  <si>
    <t>金融業・保険業</t>
    <phoneticPr fontId="3"/>
  </si>
  <si>
    <t>←選択</t>
    <rPh sb="1" eb="3">
      <t>センタク</t>
    </rPh>
    <phoneticPr fontId="19"/>
  </si>
  <si>
    <t>海外ハンズオン支援希望調査</t>
    <rPh sb="0" eb="2">
      <t>カイガイ</t>
    </rPh>
    <rPh sb="7" eb="9">
      <t>シエン</t>
    </rPh>
    <rPh sb="9" eb="11">
      <t>キボウ</t>
    </rPh>
    <rPh sb="11" eb="13">
      <t>チョウサ</t>
    </rPh>
    <phoneticPr fontId="19"/>
  </si>
  <si>
    <t>Maruichi
能登半島地震復興フェア</t>
    <phoneticPr fontId="3"/>
  </si>
  <si>
    <t>※中小機構北陸本部では、海外展開ハンズオン支援を実施しております。
　 海外ハンズオン支援ご希望の有無を以下に選択してご提出ください。ご希望の場合は別途担当課よりご連絡させていただきます。
　 海外ハンズオン支援詳細</t>
    <rPh sb="12" eb="14">
      <t>カイガイ</t>
    </rPh>
    <rPh sb="14" eb="16">
      <t>テンカイ</t>
    </rPh>
    <rPh sb="21" eb="23">
      <t>シエン</t>
    </rPh>
    <rPh sb="24" eb="26">
      <t>ジッシ</t>
    </rPh>
    <rPh sb="36" eb="38">
      <t>カイガイ</t>
    </rPh>
    <rPh sb="43" eb="45">
      <t>シエン</t>
    </rPh>
    <rPh sb="46" eb="48">
      <t>キボウ</t>
    </rPh>
    <rPh sb="49" eb="51">
      <t>ウム</t>
    </rPh>
    <rPh sb="55" eb="57">
      <t>センタク</t>
    </rPh>
    <rPh sb="68" eb="70">
      <t>キボウ</t>
    </rPh>
    <rPh sb="71" eb="73">
      <t>バアイ</t>
    </rPh>
    <rPh sb="74" eb="76">
      <t>ベット</t>
    </rPh>
    <rPh sb="76" eb="79">
      <t>タントウカ</t>
    </rPh>
    <rPh sb="82" eb="84">
      <t>レンラク</t>
    </rPh>
    <rPh sb="97" eb="99">
      <t>カイガイ</t>
    </rPh>
    <rPh sb="104" eb="106">
      <t>シエン</t>
    </rPh>
    <rPh sb="106" eb="108">
      <t>ショウサ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4">
    <font>
      <sz val="11"/>
      <name val="ＭＳ Ｐゴシック"/>
      <family val="3"/>
      <charset val="128"/>
    </font>
    <font>
      <sz val="18"/>
      <color theme="3"/>
      <name val="游ゴシック Light"/>
      <family val="2"/>
      <charset val="128"/>
      <scheme val="major"/>
    </font>
    <font>
      <sz val="11"/>
      <name val="ＭＳ Ｐゴシック"/>
      <family val="3"/>
      <charset val="128"/>
    </font>
    <font>
      <sz val="6"/>
      <name val="ＭＳ Ｐゴシック"/>
      <family val="3"/>
      <charset val="128"/>
    </font>
    <font>
      <sz val="10"/>
      <name val="BIZ UDPゴシック"/>
      <family val="3"/>
      <charset val="128"/>
    </font>
    <font>
      <b/>
      <sz val="18"/>
      <name val="BIZ UDPゴシック"/>
      <family val="3"/>
      <charset val="128"/>
    </font>
    <font>
      <sz val="12"/>
      <name val="BIZ UDPゴシック"/>
      <family val="3"/>
      <charset val="128"/>
    </font>
    <font>
      <sz val="11"/>
      <color rgb="FFFF0000"/>
      <name val="BIZ UDPゴシック"/>
      <family val="3"/>
      <charset val="128"/>
    </font>
    <font>
      <sz val="11"/>
      <name val="BIZ UDPゴシック"/>
      <family val="3"/>
      <charset val="128"/>
    </font>
    <font>
      <sz val="9"/>
      <name val="BIZ UDPゴシック"/>
      <family val="3"/>
      <charset val="128"/>
    </font>
    <font>
      <sz val="8"/>
      <name val="BIZ UDPゴシック"/>
      <family val="3"/>
      <charset val="128"/>
    </font>
    <font>
      <sz val="11"/>
      <name val="Segoe UI Symbol"/>
      <family val="3"/>
    </font>
    <font>
      <b/>
      <sz val="11"/>
      <name val="BIZ UDPゴシック"/>
      <family val="3"/>
      <charset val="128"/>
    </font>
    <font>
      <sz val="12"/>
      <color rgb="FFFF0000"/>
      <name val="BIZ UDPゴシック"/>
      <family val="3"/>
      <charset val="128"/>
    </font>
    <font>
      <sz val="10"/>
      <color rgb="FFFF0000"/>
      <name val="BIZ UDPゴシック"/>
      <family val="3"/>
      <charset val="128"/>
    </font>
    <font>
      <sz val="14"/>
      <name val="BIZ UDPゴシック"/>
      <family val="3"/>
      <charset val="128"/>
    </font>
    <font>
      <u/>
      <sz val="11"/>
      <color indexed="12"/>
      <name val="ＭＳ Ｐゴシック"/>
      <family val="3"/>
      <charset val="128"/>
    </font>
    <font>
      <b/>
      <sz val="11"/>
      <name val="ＭＳ Ｐゴシック"/>
      <family val="3"/>
      <charset val="128"/>
    </font>
    <font>
      <b/>
      <sz val="18"/>
      <color theme="1"/>
      <name val="BIZ UDPゴシック"/>
      <family val="3"/>
      <charset val="128"/>
    </font>
    <font>
      <sz val="6"/>
      <name val="ＭＳ Ｐゴシック"/>
      <family val="2"/>
      <charset val="128"/>
    </font>
    <font>
      <sz val="11"/>
      <name val="ヒラギノ角ゴ Pro W3"/>
      <family val="3"/>
      <charset val="128"/>
    </font>
    <font>
      <sz val="12"/>
      <name val="ヒラギノ角ゴ Pro W3"/>
      <family val="3"/>
      <charset val="128"/>
    </font>
    <font>
      <sz val="12"/>
      <name val="ＭＳ Ｐゴシック"/>
      <family val="3"/>
      <charset val="128"/>
    </font>
    <font>
      <sz val="10"/>
      <name val="ＭＳ Ｐゴシック"/>
      <family val="3"/>
      <charset val="128"/>
    </font>
  </fonts>
  <fills count="8">
    <fill>
      <patternFill patternType="none"/>
    </fill>
    <fill>
      <patternFill patternType="gray125"/>
    </fill>
    <fill>
      <patternFill patternType="solid">
        <fgColor indexed="42"/>
        <bgColor indexed="64"/>
      </patternFill>
    </fill>
    <fill>
      <patternFill patternType="solid">
        <fgColor theme="0"/>
        <bgColor indexed="64"/>
      </patternFill>
    </fill>
    <fill>
      <patternFill patternType="solid">
        <fgColor theme="0" tint="-4.9989318521683403E-2"/>
        <bgColor indexed="64"/>
      </patternFill>
    </fill>
    <fill>
      <patternFill patternType="solid">
        <fgColor theme="0" tint="-0.14999847407452621"/>
        <bgColor indexed="64"/>
      </patternFill>
    </fill>
    <fill>
      <patternFill patternType="solid">
        <fgColor rgb="FFFFEFEF"/>
        <bgColor indexed="64"/>
      </patternFill>
    </fill>
    <fill>
      <patternFill patternType="solid">
        <fgColor rgb="FFF4F6E2"/>
        <bgColor indexed="64"/>
      </patternFill>
    </fill>
  </fills>
  <borders count="26">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indexed="64"/>
      </right>
      <top/>
      <bottom/>
      <diagonal/>
    </border>
    <border>
      <left style="hair">
        <color indexed="64"/>
      </left>
      <right style="thin">
        <color indexed="64"/>
      </right>
      <top style="thin">
        <color indexed="64"/>
      </top>
      <bottom style="thin">
        <color indexed="64"/>
      </bottom>
      <diagonal/>
    </border>
    <border>
      <left style="hair">
        <color indexed="64"/>
      </left>
      <right/>
      <top style="thin">
        <color indexed="64"/>
      </top>
      <bottom style="thin">
        <color indexed="64"/>
      </bottom>
      <diagonal/>
    </border>
    <border>
      <left style="hair">
        <color auto="1"/>
      </left>
      <right style="hair">
        <color auto="1"/>
      </right>
      <top style="hair">
        <color auto="1"/>
      </top>
      <bottom style="hair">
        <color auto="1"/>
      </bottom>
      <diagonal/>
    </border>
    <border>
      <left style="thin">
        <color indexed="64"/>
      </left>
      <right style="thin">
        <color indexed="64"/>
      </right>
      <top/>
      <bottom/>
      <diagonal/>
    </border>
    <border>
      <left/>
      <right/>
      <top style="hair">
        <color indexed="64"/>
      </top>
      <bottom/>
      <diagonal/>
    </border>
    <border>
      <left style="thin">
        <color indexed="64"/>
      </left>
      <right style="thin">
        <color indexed="64"/>
      </right>
      <top style="thin">
        <color indexed="64"/>
      </top>
      <bottom style="hair">
        <color indexed="64"/>
      </bottom>
      <diagonal/>
    </border>
    <border>
      <left/>
      <right style="hair">
        <color indexed="64"/>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hair">
        <color indexed="64"/>
      </left>
      <right/>
      <top style="medium">
        <color indexed="64"/>
      </top>
      <bottom style="medium">
        <color indexed="64"/>
      </bottom>
      <diagonal/>
    </border>
  </borders>
  <cellStyleXfs count="4">
    <xf numFmtId="0" fontId="0" fillId="0" borderId="0">
      <alignment vertical="center"/>
    </xf>
    <xf numFmtId="38" fontId="2" fillId="0" borderId="0" applyFont="0" applyFill="0" applyBorder="0" applyAlignment="0" applyProtection="0">
      <alignment vertical="center"/>
    </xf>
    <xf numFmtId="0" fontId="2" fillId="0" borderId="0"/>
    <xf numFmtId="0" fontId="16" fillId="0" borderId="0" applyNumberFormat="0" applyFill="0" applyBorder="0" applyAlignment="0" applyProtection="0">
      <alignment vertical="top"/>
      <protection locked="0"/>
    </xf>
  </cellStyleXfs>
  <cellXfs count="175">
    <xf numFmtId="0" fontId="0" fillId="0" borderId="0" xfId="0">
      <alignment vertical="center"/>
    </xf>
    <xf numFmtId="0" fontId="4" fillId="0" borderId="0" xfId="0" applyFont="1" applyAlignment="1">
      <alignment horizontal="center" vertical="center"/>
    </xf>
    <xf numFmtId="0" fontId="4" fillId="0" borderId="0" xfId="0" applyFont="1">
      <alignment vertical="center"/>
    </xf>
    <xf numFmtId="0" fontId="8" fillId="3" borderId="2" xfId="0" applyFont="1" applyFill="1" applyBorder="1">
      <alignment vertical="center"/>
    </xf>
    <xf numFmtId="0" fontId="8" fillId="3" borderId="3" xfId="0" applyFont="1" applyFill="1" applyBorder="1">
      <alignment vertical="center"/>
    </xf>
    <xf numFmtId="0" fontId="4" fillId="3" borderId="0" xfId="0" applyFont="1" applyFill="1">
      <alignment vertical="center"/>
    </xf>
    <xf numFmtId="0" fontId="4" fillId="3" borderId="0" xfId="0" applyFont="1" applyFill="1" applyAlignment="1">
      <alignment horizontal="center" vertical="center"/>
    </xf>
    <xf numFmtId="0" fontId="4" fillId="0" borderId="3" xfId="0" applyFont="1" applyBorder="1" applyAlignment="1">
      <alignment horizontal="left" vertical="center"/>
    </xf>
    <xf numFmtId="0" fontId="4" fillId="3" borderId="11" xfId="0" applyFont="1" applyFill="1" applyBorder="1" applyAlignment="1">
      <alignment horizontal="center" vertical="center"/>
    </xf>
    <xf numFmtId="0" fontId="4" fillId="3" borderId="5" xfId="0" applyFont="1" applyFill="1" applyBorder="1" applyAlignment="1">
      <alignment horizontal="center" vertical="center"/>
    </xf>
    <xf numFmtId="0" fontId="4" fillId="3" borderId="11" xfId="0" applyFont="1" applyFill="1" applyBorder="1">
      <alignment vertical="center"/>
    </xf>
    <xf numFmtId="0" fontId="4" fillId="3" borderId="0" xfId="0" applyFont="1" applyFill="1" applyAlignment="1">
      <alignment horizontal="left" vertical="center"/>
    </xf>
    <xf numFmtId="0" fontId="4" fillId="3" borderId="19" xfId="0" applyFont="1" applyFill="1" applyBorder="1" applyAlignment="1">
      <alignment horizontal="center" vertical="center"/>
    </xf>
    <xf numFmtId="0" fontId="8" fillId="3" borderId="6" xfId="0" applyFont="1" applyFill="1" applyBorder="1" applyAlignment="1">
      <alignment vertical="center" wrapText="1"/>
    </xf>
    <xf numFmtId="0" fontId="8" fillId="3" borderId="7" xfId="0" applyFont="1" applyFill="1" applyBorder="1" applyAlignment="1">
      <alignment vertical="center" wrapText="1"/>
    </xf>
    <xf numFmtId="0" fontId="9" fillId="3" borderId="0" xfId="0" applyFont="1" applyFill="1">
      <alignment vertical="center"/>
    </xf>
    <xf numFmtId="0" fontId="8" fillId="3" borderId="0" xfId="0" applyFont="1" applyFill="1">
      <alignment vertical="center"/>
    </xf>
    <xf numFmtId="0" fontId="8" fillId="3" borderId="10" xfId="0" applyFont="1" applyFill="1" applyBorder="1" applyAlignment="1">
      <alignment vertical="center" wrapText="1"/>
    </xf>
    <xf numFmtId="0" fontId="8" fillId="3" borderId="11" xfId="0" applyFont="1" applyFill="1" applyBorder="1" applyAlignment="1">
      <alignment vertical="center" wrapText="1"/>
    </xf>
    <xf numFmtId="0" fontId="4" fillId="0" borderId="0" xfId="0" applyFont="1" applyAlignment="1">
      <alignment vertical="top"/>
    </xf>
    <xf numFmtId="0" fontId="9" fillId="3" borderId="7" xfId="0" applyFont="1" applyFill="1" applyBorder="1">
      <alignment vertical="center"/>
    </xf>
    <xf numFmtId="0" fontId="8" fillId="3" borderId="4" xfId="0" applyFont="1" applyFill="1" applyBorder="1">
      <alignment vertical="center"/>
    </xf>
    <xf numFmtId="0" fontId="9" fillId="3" borderId="11" xfId="0" applyFont="1" applyFill="1" applyBorder="1">
      <alignment vertical="center"/>
    </xf>
    <xf numFmtId="0" fontId="4" fillId="3" borderId="7" xfId="0" applyFont="1" applyFill="1" applyBorder="1">
      <alignment vertical="center"/>
    </xf>
    <xf numFmtId="0" fontId="4" fillId="3" borderId="14" xfId="0" applyFont="1" applyFill="1" applyBorder="1">
      <alignment vertical="center"/>
    </xf>
    <xf numFmtId="0" fontId="4" fillId="3" borderId="5" xfId="0" applyFont="1" applyFill="1" applyBorder="1">
      <alignment vertical="center"/>
    </xf>
    <xf numFmtId="0" fontId="4" fillId="3" borderId="8" xfId="0" applyFont="1" applyFill="1" applyBorder="1">
      <alignment vertical="center"/>
    </xf>
    <xf numFmtId="0" fontId="11" fillId="0" borderId="0" xfId="0" applyFont="1">
      <alignment vertical="center"/>
    </xf>
    <xf numFmtId="0" fontId="5" fillId="3" borderId="0" xfId="0" applyFont="1" applyFill="1" applyAlignment="1">
      <alignment horizontal="center" vertical="center" shrinkToFit="1"/>
    </xf>
    <xf numFmtId="0" fontId="5" fillId="3" borderId="0" xfId="0" applyFont="1" applyFill="1">
      <alignment vertical="center"/>
    </xf>
    <xf numFmtId="0" fontId="6" fillId="3" borderId="0" xfId="0" applyFont="1" applyFill="1" applyAlignment="1">
      <alignment horizontal="right" vertical="center"/>
    </xf>
    <xf numFmtId="0" fontId="10" fillId="0" borderId="15" xfId="0" applyFont="1" applyBorder="1">
      <alignment vertical="center"/>
    </xf>
    <xf numFmtId="38" fontId="6" fillId="3" borderId="2" xfId="1" applyFont="1" applyFill="1" applyBorder="1" applyAlignment="1">
      <alignment horizontal="left" vertical="center"/>
    </xf>
    <xf numFmtId="38" fontId="6" fillId="3" borderId="3" xfId="1" applyFont="1" applyFill="1" applyBorder="1" applyAlignment="1">
      <alignment horizontal="left" vertical="center"/>
    </xf>
    <xf numFmtId="0" fontId="4" fillId="3" borderId="0" xfId="0" applyFont="1" applyFill="1" applyAlignment="1">
      <alignment vertical="top"/>
    </xf>
    <xf numFmtId="0" fontId="12" fillId="3" borderId="0" xfId="0" applyFont="1" applyFill="1" applyAlignment="1">
      <alignment horizontal="center" vertical="center"/>
    </xf>
    <xf numFmtId="0" fontId="4" fillId="2" borderId="7" xfId="0" applyFont="1" applyFill="1" applyBorder="1" applyAlignment="1">
      <alignment vertical="center" wrapText="1"/>
    </xf>
    <xf numFmtId="0" fontId="4" fillId="2" borderId="0" xfId="0" applyFont="1" applyFill="1" applyAlignment="1">
      <alignment vertical="center" wrapText="1"/>
    </xf>
    <xf numFmtId="0" fontId="4" fillId="5" borderId="12" xfId="0" applyFont="1" applyFill="1" applyBorder="1" applyAlignment="1">
      <alignment horizontal="center" vertical="center" wrapText="1"/>
    </xf>
    <xf numFmtId="0" fontId="4" fillId="5" borderId="13" xfId="0" applyFont="1" applyFill="1" applyBorder="1" applyAlignment="1">
      <alignment horizontal="center" vertical="center" wrapText="1"/>
    </xf>
    <xf numFmtId="0" fontId="4" fillId="5" borderId="9" xfId="0" applyFont="1" applyFill="1" applyBorder="1" applyAlignment="1">
      <alignment horizontal="center" vertical="center" wrapText="1"/>
    </xf>
    <xf numFmtId="0" fontId="4" fillId="5" borderId="13" xfId="0" applyFont="1" applyFill="1" applyBorder="1" applyAlignment="1">
      <alignment horizontal="center" vertical="center"/>
    </xf>
    <xf numFmtId="0" fontId="4" fillId="5" borderId="6" xfId="0" applyFont="1" applyFill="1" applyBorder="1" applyAlignment="1">
      <alignment horizontal="center" vertical="center"/>
    </xf>
    <xf numFmtId="0" fontId="4" fillId="5" borderId="10" xfId="0" applyFont="1" applyFill="1" applyBorder="1" applyAlignment="1">
      <alignment horizontal="center" vertical="center" wrapText="1"/>
    </xf>
    <xf numFmtId="0" fontId="4" fillId="5" borderId="4" xfId="0" applyFont="1" applyFill="1" applyBorder="1" applyAlignment="1">
      <alignment horizontal="center" vertical="center" wrapText="1"/>
    </xf>
    <xf numFmtId="0" fontId="4" fillId="5" borderId="13" xfId="0" applyFont="1" applyFill="1" applyBorder="1" applyAlignment="1">
      <alignment vertical="center" wrapText="1"/>
    </xf>
    <xf numFmtId="0" fontId="4" fillId="5" borderId="20" xfId="0" applyFont="1" applyFill="1" applyBorder="1" applyAlignment="1">
      <alignment horizontal="center" vertical="center"/>
    </xf>
    <xf numFmtId="0" fontId="4" fillId="5" borderId="9" xfId="0" applyFont="1" applyFill="1" applyBorder="1" applyAlignment="1">
      <alignment horizontal="center" vertical="center"/>
    </xf>
    <xf numFmtId="0" fontId="4" fillId="6" borderId="11" xfId="0" applyFont="1" applyFill="1" applyBorder="1">
      <alignment vertical="center"/>
    </xf>
    <xf numFmtId="38" fontId="8" fillId="5" borderId="1" xfId="1" applyFont="1" applyFill="1" applyBorder="1" applyAlignment="1">
      <alignment horizontal="center" vertical="center" wrapText="1"/>
    </xf>
    <xf numFmtId="0" fontId="17" fillId="0" borderId="0" xfId="0" applyFont="1">
      <alignment vertical="center"/>
    </xf>
    <xf numFmtId="0" fontId="8" fillId="3" borderId="0" xfId="0" applyFont="1" applyFill="1" applyAlignment="1">
      <alignment horizontal="center" vertical="center"/>
    </xf>
    <xf numFmtId="0" fontId="8" fillId="7" borderId="17" xfId="0" applyFont="1" applyFill="1" applyBorder="1" applyAlignment="1">
      <alignment horizontal="center" vertical="center"/>
    </xf>
    <xf numFmtId="0" fontId="4" fillId="7" borderId="17" xfId="0" applyFont="1" applyFill="1" applyBorder="1" applyAlignment="1">
      <alignment horizontal="center" vertical="center"/>
    </xf>
    <xf numFmtId="0" fontId="4" fillId="7" borderId="17" xfId="0" applyFont="1" applyFill="1" applyBorder="1">
      <alignment vertical="center"/>
    </xf>
    <xf numFmtId="0" fontId="12" fillId="7" borderId="17" xfId="0" applyFont="1" applyFill="1" applyBorder="1" applyAlignment="1">
      <alignment horizontal="center" vertical="center"/>
    </xf>
    <xf numFmtId="0" fontId="5" fillId="3" borderId="0" xfId="0" applyFont="1" applyFill="1" applyAlignment="1">
      <alignment vertical="center" wrapText="1"/>
    </xf>
    <xf numFmtId="0" fontId="22" fillId="3" borderId="25" xfId="0" applyFont="1" applyFill="1" applyBorder="1" applyAlignment="1">
      <alignment horizontal="center" vertical="center" wrapText="1"/>
    </xf>
    <xf numFmtId="0" fontId="22" fillId="3" borderId="23" xfId="0" applyFont="1" applyFill="1" applyBorder="1" applyAlignment="1">
      <alignment horizontal="center" vertical="center" wrapText="1"/>
    </xf>
    <xf numFmtId="0" fontId="22" fillId="3" borderId="24" xfId="0" applyFont="1" applyFill="1" applyBorder="1" applyAlignment="1">
      <alignment horizontal="center" vertical="center" wrapText="1"/>
    </xf>
    <xf numFmtId="0" fontId="23" fillId="0" borderId="0" xfId="0" applyFont="1" applyAlignment="1">
      <alignment vertical="center" wrapText="1"/>
    </xf>
    <xf numFmtId="0" fontId="23" fillId="0" borderId="0" xfId="0" applyFont="1">
      <alignment vertical="center"/>
    </xf>
    <xf numFmtId="0" fontId="4" fillId="5" borderId="12" xfId="0" applyFont="1" applyFill="1" applyBorder="1" applyAlignment="1">
      <alignment horizontal="center" vertical="center" wrapText="1"/>
    </xf>
    <xf numFmtId="0" fontId="4" fillId="5" borderId="18" xfId="0" applyFont="1" applyFill="1" applyBorder="1" applyAlignment="1">
      <alignment horizontal="center" vertical="center" wrapText="1"/>
    </xf>
    <xf numFmtId="0" fontId="4" fillId="5" borderId="13" xfId="0" applyFont="1" applyFill="1" applyBorder="1" applyAlignment="1">
      <alignment horizontal="center" vertical="center" wrapText="1"/>
    </xf>
    <xf numFmtId="0" fontId="10" fillId="4" borderId="1" xfId="0" applyFont="1" applyFill="1" applyBorder="1" applyAlignment="1">
      <alignment horizontal="center" vertical="center" wrapText="1"/>
    </xf>
    <xf numFmtId="0" fontId="10" fillId="4" borderId="2" xfId="0" applyFont="1" applyFill="1" applyBorder="1" applyAlignment="1">
      <alignment horizontal="center" vertical="center" wrapText="1"/>
    </xf>
    <xf numFmtId="0" fontId="10" fillId="4" borderId="3" xfId="0" applyFont="1" applyFill="1" applyBorder="1" applyAlignment="1">
      <alignment horizontal="center" vertical="center" wrapText="1"/>
    </xf>
    <xf numFmtId="0" fontId="4" fillId="7" borderId="6" xfId="0" applyFont="1" applyFill="1" applyBorder="1" applyAlignment="1">
      <alignment horizontal="center" vertical="center"/>
    </xf>
    <xf numFmtId="0" fontId="4" fillId="7" borderId="7" xfId="0" applyFont="1" applyFill="1" applyBorder="1" applyAlignment="1">
      <alignment horizontal="center" vertical="center"/>
    </xf>
    <xf numFmtId="0" fontId="4" fillId="7" borderId="8" xfId="0" applyFont="1" applyFill="1" applyBorder="1" applyAlignment="1">
      <alignment horizontal="center" vertical="center"/>
    </xf>
    <xf numFmtId="0" fontId="4" fillId="7" borderId="10" xfId="0" applyFont="1" applyFill="1" applyBorder="1" applyAlignment="1">
      <alignment horizontal="center" vertical="center"/>
    </xf>
    <xf numFmtId="0" fontId="4" fillId="7" borderId="11" xfId="0" applyFont="1" applyFill="1" applyBorder="1" applyAlignment="1">
      <alignment horizontal="center" vertical="center"/>
    </xf>
    <xf numFmtId="0" fontId="4" fillId="7" borderId="5" xfId="0" applyFont="1" applyFill="1" applyBorder="1" applyAlignment="1">
      <alignment horizontal="center" vertical="center"/>
    </xf>
    <xf numFmtId="0" fontId="8" fillId="0" borderId="1" xfId="0" applyFont="1" applyBorder="1" applyAlignment="1">
      <alignment horizontal="left" vertical="center" wrapText="1"/>
    </xf>
    <xf numFmtId="0" fontId="8" fillId="0" borderId="2" xfId="0" applyFont="1" applyBorder="1" applyAlignment="1">
      <alignment horizontal="left" vertical="center" wrapText="1"/>
    </xf>
    <xf numFmtId="0" fontId="8" fillId="0" borderId="3" xfId="0" applyFont="1" applyBorder="1" applyAlignment="1">
      <alignment horizontal="left" vertical="center" wrapText="1"/>
    </xf>
    <xf numFmtId="0" fontId="4" fillId="3" borderId="0" xfId="0" applyFont="1" applyFill="1" applyAlignment="1">
      <alignment horizontal="left" vertical="center"/>
    </xf>
    <xf numFmtId="0" fontId="4" fillId="3" borderId="14" xfId="0" applyFont="1" applyFill="1" applyBorder="1" applyAlignment="1">
      <alignment horizontal="left" vertical="center"/>
    </xf>
    <xf numFmtId="38" fontId="8" fillId="0" borderId="1" xfId="1" applyFont="1" applyFill="1" applyBorder="1" applyAlignment="1">
      <alignment horizontal="left" vertical="center" wrapText="1"/>
    </xf>
    <xf numFmtId="38" fontId="8" fillId="0" borderId="2" xfId="1" applyFont="1" applyFill="1" applyBorder="1" applyAlignment="1">
      <alignment horizontal="left" vertical="center" wrapText="1"/>
    </xf>
    <xf numFmtId="38" fontId="8" fillId="0" borderId="3" xfId="1" applyFont="1" applyFill="1" applyBorder="1" applyAlignment="1">
      <alignment horizontal="left" vertical="center" wrapText="1"/>
    </xf>
    <xf numFmtId="0" fontId="4" fillId="5" borderId="2" xfId="0" applyFont="1" applyFill="1" applyBorder="1" applyAlignment="1">
      <alignment horizontal="center" vertical="center"/>
    </xf>
    <xf numFmtId="0" fontId="4" fillId="5" borderId="3" xfId="0" applyFont="1" applyFill="1" applyBorder="1" applyAlignment="1">
      <alignment horizontal="center" vertical="center"/>
    </xf>
    <xf numFmtId="0" fontId="9" fillId="7" borderId="1" xfId="0" applyFont="1" applyFill="1" applyBorder="1" applyAlignment="1">
      <alignment horizontal="center" vertical="center"/>
    </xf>
    <xf numFmtId="0" fontId="9" fillId="7" borderId="2" xfId="0" applyFont="1" applyFill="1" applyBorder="1" applyAlignment="1">
      <alignment horizontal="center" vertical="center"/>
    </xf>
    <xf numFmtId="0" fontId="9" fillId="7" borderId="3" xfId="0" applyFont="1" applyFill="1" applyBorder="1" applyAlignment="1">
      <alignment horizontal="center" vertical="center"/>
    </xf>
    <xf numFmtId="0" fontId="4" fillId="7" borderId="1" xfId="0" applyFont="1" applyFill="1" applyBorder="1" applyAlignment="1">
      <alignment horizontal="center" vertical="center" wrapText="1"/>
    </xf>
    <xf numFmtId="0" fontId="4" fillId="7" borderId="2" xfId="0" applyFont="1" applyFill="1" applyBorder="1" applyAlignment="1">
      <alignment horizontal="center" vertical="center" wrapText="1"/>
    </xf>
    <xf numFmtId="0" fontId="4" fillId="7" borderId="3" xfId="0" applyFont="1" applyFill="1" applyBorder="1" applyAlignment="1">
      <alignment horizontal="center" vertical="center" wrapText="1"/>
    </xf>
    <xf numFmtId="0" fontId="4" fillId="0" borderId="1" xfId="0" applyFont="1" applyBorder="1">
      <alignment vertical="center"/>
    </xf>
    <xf numFmtId="0" fontId="4" fillId="0" borderId="2" xfId="0" applyFont="1" applyBorder="1">
      <alignment vertical="center"/>
    </xf>
    <xf numFmtId="0" fontId="4" fillId="7" borderId="1" xfId="0" applyFont="1" applyFill="1" applyBorder="1" applyAlignment="1">
      <alignment horizontal="left" vertical="center"/>
    </xf>
    <xf numFmtId="0" fontId="4" fillId="7" borderId="2" xfId="0" applyFont="1" applyFill="1" applyBorder="1" applyAlignment="1">
      <alignment horizontal="left" vertical="center"/>
    </xf>
    <xf numFmtId="0" fontId="4" fillId="7" borderId="3" xfId="0" applyFont="1" applyFill="1" applyBorder="1" applyAlignment="1">
      <alignment horizontal="left" vertical="center"/>
    </xf>
    <xf numFmtId="0" fontId="4" fillId="5" borderId="18" xfId="0" applyFont="1" applyFill="1" applyBorder="1" applyAlignment="1">
      <alignment horizontal="center" vertical="center"/>
    </xf>
    <xf numFmtId="0" fontId="4" fillId="5" borderId="13" xfId="0" applyFont="1" applyFill="1" applyBorder="1" applyAlignment="1">
      <alignment horizontal="center" vertical="center"/>
    </xf>
    <xf numFmtId="0" fontId="10" fillId="0" borderId="6" xfId="0" applyFont="1" applyBorder="1" applyAlignment="1">
      <alignment horizontal="center" vertical="center" wrapText="1"/>
    </xf>
    <xf numFmtId="0" fontId="10" fillId="0" borderId="7" xfId="0" applyFont="1" applyBorder="1" applyAlignment="1">
      <alignment horizontal="center" vertical="center" wrapText="1"/>
    </xf>
    <xf numFmtId="0" fontId="10" fillId="0" borderId="8" xfId="0" applyFont="1" applyBorder="1" applyAlignment="1">
      <alignment horizontal="center" vertical="center" wrapText="1"/>
    </xf>
    <xf numFmtId="0" fontId="10" fillId="0" borderId="4" xfId="0" applyFont="1" applyBorder="1" applyAlignment="1">
      <alignment horizontal="center" vertical="center" wrapText="1"/>
    </xf>
    <xf numFmtId="0" fontId="10" fillId="0" borderId="0" xfId="0" applyFont="1" applyAlignment="1">
      <alignment horizontal="center" vertical="center" wrapText="1"/>
    </xf>
    <xf numFmtId="0" fontId="10" fillId="0" borderId="14" xfId="0" applyFont="1" applyBorder="1" applyAlignment="1">
      <alignment horizontal="center" vertical="center" wrapText="1"/>
    </xf>
    <xf numFmtId="0" fontId="8" fillId="3" borderId="0" xfId="0" applyFont="1" applyFill="1" applyAlignment="1">
      <alignment horizontal="center" vertical="center"/>
    </xf>
    <xf numFmtId="38" fontId="6" fillId="3" borderId="9" xfId="1" applyFont="1" applyFill="1" applyBorder="1" applyAlignment="1">
      <alignment horizontal="left" vertical="center"/>
    </xf>
    <xf numFmtId="38" fontId="6" fillId="3" borderId="1" xfId="1" applyFont="1" applyFill="1" applyBorder="1" applyAlignment="1">
      <alignment horizontal="left" vertical="center"/>
    </xf>
    <xf numFmtId="0" fontId="7" fillId="0" borderId="20" xfId="0" applyFont="1" applyBorder="1">
      <alignment vertical="center"/>
    </xf>
    <xf numFmtId="0" fontId="15" fillId="0" borderId="13" xfId="0" applyFont="1" applyBorder="1" applyAlignment="1">
      <alignment vertical="top"/>
    </xf>
    <xf numFmtId="0" fontId="8" fillId="0" borderId="20" xfId="0" applyFont="1" applyBorder="1">
      <alignment vertical="center"/>
    </xf>
    <xf numFmtId="0" fontId="15" fillId="0" borderId="13" xfId="0" applyFont="1" applyBorder="1">
      <alignment vertical="center"/>
    </xf>
    <xf numFmtId="0" fontId="4" fillId="0" borderId="2" xfId="0" applyFont="1" applyBorder="1" applyAlignment="1">
      <alignment horizontal="left" vertical="center"/>
    </xf>
    <xf numFmtId="0" fontId="4" fillId="0" borderId="3" xfId="0" applyFont="1" applyBorder="1" applyAlignment="1">
      <alignment horizontal="left" vertical="center"/>
    </xf>
    <xf numFmtId="0" fontId="4" fillId="0" borderId="9" xfId="0" applyFont="1" applyBorder="1" applyAlignment="1">
      <alignment horizontal="left" vertical="center"/>
    </xf>
    <xf numFmtId="0" fontId="4" fillId="0" borderId="1" xfId="0" applyFont="1" applyBorder="1" applyAlignment="1">
      <alignment horizontal="left" vertical="center"/>
    </xf>
    <xf numFmtId="0" fontId="8" fillId="3" borderId="2" xfId="0" applyFont="1" applyFill="1" applyBorder="1" applyAlignment="1">
      <alignment horizontal="center" vertical="center"/>
    </xf>
    <xf numFmtId="0" fontId="4" fillId="3" borderId="1" xfId="0" applyFont="1" applyFill="1" applyBorder="1" applyAlignment="1">
      <alignment horizontal="center" vertical="center"/>
    </xf>
    <xf numFmtId="0" fontId="4" fillId="3" borderId="2" xfId="0" applyFont="1" applyFill="1" applyBorder="1" applyAlignment="1">
      <alignment horizontal="center" vertical="center"/>
    </xf>
    <xf numFmtId="0" fontId="4" fillId="5" borderId="9" xfId="0" applyFont="1" applyFill="1" applyBorder="1" applyAlignment="1">
      <alignment horizontal="center" vertical="center" wrapText="1"/>
    </xf>
    <xf numFmtId="0" fontId="4" fillId="4" borderId="2" xfId="0" applyFont="1" applyFill="1" applyBorder="1" applyAlignment="1">
      <alignment horizontal="center" vertical="center"/>
    </xf>
    <xf numFmtId="0" fontId="4" fillId="4" borderId="3" xfId="0" applyFont="1" applyFill="1" applyBorder="1" applyAlignment="1">
      <alignment horizontal="center" vertical="center"/>
    </xf>
    <xf numFmtId="0" fontId="4" fillId="5" borderId="1" xfId="0" applyFont="1" applyFill="1" applyBorder="1" applyAlignment="1">
      <alignment horizontal="center" vertical="center"/>
    </xf>
    <xf numFmtId="0" fontId="4" fillId="3" borderId="4" xfId="0" applyFont="1" applyFill="1" applyBorder="1" applyAlignment="1">
      <alignment horizontal="center" vertical="center"/>
    </xf>
    <xf numFmtId="0" fontId="4" fillId="3" borderId="0" xfId="0" applyFont="1" applyFill="1" applyAlignment="1">
      <alignment horizontal="center" vertical="center"/>
    </xf>
    <xf numFmtId="0" fontId="4" fillId="3" borderId="14" xfId="0" applyFont="1" applyFill="1" applyBorder="1" applyAlignment="1">
      <alignment horizontal="center" vertical="center"/>
    </xf>
    <xf numFmtId="0" fontId="4" fillId="3" borderId="10" xfId="0" applyFont="1" applyFill="1" applyBorder="1" applyAlignment="1">
      <alignment horizontal="center" vertical="center"/>
    </xf>
    <xf numFmtId="0" fontId="4" fillId="3" borderId="11" xfId="0" applyFont="1" applyFill="1" applyBorder="1" applyAlignment="1">
      <alignment horizontal="center" vertical="center"/>
    </xf>
    <xf numFmtId="0" fontId="4" fillId="3" borderId="5" xfId="0" applyFont="1" applyFill="1" applyBorder="1" applyAlignment="1">
      <alignment horizontal="center" vertical="center"/>
    </xf>
    <xf numFmtId="0" fontId="4" fillId="5" borderId="9" xfId="0" applyFont="1" applyFill="1" applyBorder="1" applyAlignment="1">
      <alignment horizontal="center" vertical="center"/>
    </xf>
    <xf numFmtId="0" fontId="6" fillId="0" borderId="1" xfId="0" applyFont="1" applyBorder="1" applyAlignment="1">
      <alignment horizontal="left" vertical="center"/>
    </xf>
    <xf numFmtId="0" fontId="6" fillId="0" borderId="2" xfId="0" applyFont="1" applyBorder="1" applyAlignment="1">
      <alignment horizontal="left" vertical="center"/>
    </xf>
    <xf numFmtId="0" fontId="18" fillId="7" borderId="2" xfId="0" applyFont="1" applyFill="1" applyBorder="1" applyAlignment="1">
      <alignment horizontal="center" vertical="center"/>
    </xf>
    <xf numFmtId="0" fontId="18" fillId="7" borderId="3" xfId="0" applyFont="1" applyFill="1" applyBorder="1" applyAlignment="1">
      <alignment horizontal="center" vertical="center"/>
    </xf>
    <xf numFmtId="0" fontId="4" fillId="3" borderId="3" xfId="0" applyFont="1" applyFill="1" applyBorder="1" applyAlignment="1">
      <alignment horizontal="center" vertical="center"/>
    </xf>
    <xf numFmtId="0" fontId="4" fillId="0" borderId="16" xfId="0" applyFont="1" applyBorder="1" applyAlignment="1">
      <alignment horizontal="left" vertical="center"/>
    </xf>
    <xf numFmtId="0" fontId="6" fillId="0" borderId="1" xfId="0" applyFont="1" applyBorder="1" applyAlignment="1">
      <alignment horizontal="center" vertical="center"/>
    </xf>
    <xf numFmtId="0" fontId="6" fillId="0" borderId="2" xfId="0" applyFont="1" applyBorder="1" applyAlignment="1">
      <alignment horizontal="center" vertical="center"/>
    </xf>
    <xf numFmtId="0" fontId="6" fillId="0" borderId="3" xfId="0" applyFont="1" applyBorder="1" applyAlignment="1">
      <alignment horizontal="center" vertical="center"/>
    </xf>
    <xf numFmtId="38" fontId="13" fillId="3" borderId="1" xfId="1" applyFont="1" applyFill="1" applyBorder="1" applyAlignment="1">
      <alignment horizontal="center" vertical="center"/>
    </xf>
    <xf numFmtId="38" fontId="13" fillId="3" borderId="2" xfId="1" applyFont="1" applyFill="1" applyBorder="1" applyAlignment="1">
      <alignment horizontal="center" vertical="center"/>
    </xf>
    <xf numFmtId="38" fontId="13" fillId="3" borderId="3" xfId="1" applyFont="1" applyFill="1" applyBorder="1" applyAlignment="1">
      <alignment horizontal="center" vertical="center"/>
    </xf>
    <xf numFmtId="0" fontId="4" fillId="5" borderId="1" xfId="0" applyFont="1" applyFill="1" applyBorder="1" applyAlignment="1">
      <alignment horizontal="center" vertical="center" wrapText="1"/>
    </xf>
    <xf numFmtId="0" fontId="4" fillId="5" borderId="2" xfId="0" applyFont="1" applyFill="1" applyBorder="1" applyAlignment="1">
      <alignment horizontal="center" vertical="center" wrapText="1"/>
    </xf>
    <xf numFmtId="0" fontId="4" fillId="5" borderId="3" xfId="0" applyFont="1" applyFill="1" applyBorder="1" applyAlignment="1">
      <alignment horizontal="center" vertical="center" wrapText="1"/>
    </xf>
    <xf numFmtId="0" fontId="14" fillId="0" borderId="1" xfId="0" applyFont="1" applyBorder="1" applyAlignment="1">
      <alignment horizontal="center" vertical="center"/>
    </xf>
    <xf numFmtId="0" fontId="14" fillId="0" borderId="2" xfId="0" applyFont="1" applyBorder="1" applyAlignment="1">
      <alignment horizontal="center" vertical="center"/>
    </xf>
    <xf numFmtId="0" fontId="20" fillId="3" borderId="22" xfId="0" applyFont="1" applyFill="1" applyBorder="1" applyAlignment="1">
      <alignment horizontal="center" vertical="center"/>
    </xf>
    <xf numFmtId="0" fontId="20" fillId="3" borderId="23" xfId="0" applyFont="1" applyFill="1" applyBorder="1" applyAlignment="1">
      <alignment horizontal="center" vertical="center"/>
    </xf>
    <xf numFmtId="0" fontId="20" fillId="3" borderId="24" xfId="0" applyFont="1" applyFill="1" applyBorder="1" applyAlignment="1">
      <alignment horizontal="center" vertical="center"/>
    </xf>
    <xf numFmtId="0" fontId="21" fillId="3" borderId="22" xfId="0" applyFont="1" applyFill="1" applyBorder="1" applyAlignment="1">
      <alignment horizontal="center" vertical="center" wrapText="1"/>
    </xf>
    <xf numFmtId="0" fontId="21" fillId="3" borderId="23" xfId="0" applyFont="1" applyFill="1" applyBorder="1" applyAlignment="1">
      <alignment horizontal="center" vertical="center" wrapText="1"/>
    </xf>
    <xf numFmtId="0" fontId="9" fillId="7" borderId="1" xfId="0" applyFont="1" applyFill="1" applyBorder="1" applyAlignment="1">
      <alignment horizontal="center" vertical="center" wrapText="1"/>
    </xf>
    <xf numFmtId="0" fontId="9" fillId="7" borderId="2" xfId="0" applyFont="1" applyFill="1" applyBorder="1" applyAlignment="1">
      <alignment horizontal="center" vertical="center" wrapText="1"/>
    </xf>
    <xf numFmtId="0" fontId="9" fillId="7" borderId="3" xfId="0" applyFont="1" applyFill="1" applyBorder="1" applyAlignment="1">
      <alignment horizontal="center" vertical="center" wrapText="1"/>
    </xf>
    <xf numFmtId="0" fontId="9" fillId="3" borderId="6" xfId="0" applyFont="1" applyFill="1" applyBorder="1" applyAlignment="1">
      <alignment horizontal="center" vertical="center" wrapText="1"/>
    </xf>
    <xf numFmtId="0" fontId="9" fillId="3" borderId="7" xfId="0" applyFont="1" applyFill="1" applyBorder="1" applyAlignment="1">
      <alignment horizontal="center" vertical="center" wrapText="1"/>
    </xf>
    <xf numFmtId="0" fontId="9" fillId="3" borderId="8" xfId="0" applyFont="1" applyFill="1" applyBorder="1" applyAlignment="1">
      <alignment horizontal="center" vertical="center" wrapText="1"/>
    </xf>
    <xf numFmtId="0" fontId="9" fillId="3" borderId="4" xfId="0" applyFont="1" applyFill="1" applyBorder="1" applyAlignment="1">
      <alignment horizontal="center" vertical="center" wrapText="1"/>
    </xf>
    <xf numFmtId="0" fontId="9" fillId="3" borderId="0" xfId="0" applyFont="1" applyFill="1" applyAlignment="1">
      <alignment horizontal="center" vertical="center" wrapText="1"/>
    </xf>
    <xf numFmtId="0" fontId="9" fillId="3" borderId="14" xfId="0" applyFont="1" applyFill="1" applyBorder="1" applyAlignment="1">
      <alignment horizontal="center" vertical="center" wrapText="1"/>
    </xf>
    <xf numFmtId="0" fontId="9" fillId="3" borderId="10" xfId="0" applyFont="1" applyFill="1" applyBorder="1" applyAlignment="1">
      <alignment horizontal="center" vertical="center" wrapText="1"/>
    </xf>
    <xf numFmtId="0" fontId="9" fillId="3" borderId="11" xfId="0" applyFont="1" applyFill="1" applyBorder="1" applyAlignment="1">
      <alignment horizontal="center" vertical="center" wrapText="1"/>
    </xf>
    <xf numFmtId="0" fontId="9" fillId="3" borderId="5" xfId="0" applyFont="1" applyFill="1" applyBorder="1" applyAlignment="1">
      <alignment horizontal="center" vertical="center" wrapText="1"/>
    </xf>
    <xf numFmtId="0" fontId="8" fillId="3" borderId="1" xfId="0" applyFont="1" applyFill="1" applyBorder="1" applyAlignment="1">
      <alignment horizontal="left" vertical="center" wrapText="1"/>
    </xf>
    <xf numFmtId="0" fontId="8" fillId="3" borderId="2" xfId="0" applyFont="1" applyFill="1" applyBorder="1" applyAlignment="1">
      <alignment horizontal="left" vertical="center" wrapText="1"/>
    </xf>
    <xf numFmtId="0" fontId="8" fillId="3" borderId="3" xfId="0" applyFont="1" applyFill="1" applyBorder="1" applyAlignment="1">
      <alignment horizontal="left" vertical="center" wrapText="1"/>
    </xf>
    <xf numFmtId="38" fontId="8" fillId="3" borderId="16" xfId="1" applyFont="1" applyFill="1" applyBorder="1" applyAlignment="1">
      <alignment horizontal="center" vertical="center" wrapText="1"/>
    </xf>
    <xf numFmtId="38" fontId="8" fillId="3" borderId="2" xfId="1" applyFont="1" applyFill="1" applyBorder="1" applyAlignment="1">
      <alignment horizontal="center" vertical="center" wrapText="1"/>
    </xf>
    <xf numFmtId="38" fontId="8" fillId="3" borderId="3" xfId="1" applyFont="1" applyFill="1" applyBorder="1" applyAlignment="1">
      <alignment horizontal="center" vertical="center" wrapText="1"/>
    </xf>
    <xf numFmtId="0" fontId="9" fillId="3" borderId="1" xfId="0" applyFont="1" applyFill="1" applyBorder="1" applyAlignment="1">
      <alignment horizontal="center" vertical="center"/>
    </xf>
    <xf numFmtId="0" fontId="9" fillId="3" borderId="2" xfId="0" applyFont="1" applyFill="1" applyBorder="1" applyAlignment="1">
      <alignment horizontal="center" vertical="center"/>
    </xf>
    <xf numFmtId="0" fontId="9" fillId="3" borderId="3" xfId="0" applyFont="1" applyFill="1" applyBorder="1" applyAlignment="1">
      <alignment horizontal="center" vertical="center"/>
    </xf>
    <xf numFmtId="38" fontId="8" fillId="7" borderId="1" xfId="1" applyFont="1" applyFill="1" applyBorder="1" applyAlignment="1">
      <alignment horizontal="center" vertical="center"/>
    </xf>
    <xf numFmtId="38" fontId="8" fillId="7" borderId="2" xfId="1" applyFont="1" applyFill="1" applyBorder="1" applyAlignment="1">
      <alignment horizontal="center" vertical="center"/>
    </xf>
    <xf numFmtId="38" fontId="8" fillId="7" borderId="21" xfId="1" applyFont="1" applyFill="1" applyBorder="1" applyAlignment="1">
      <alignment horizontal="center" vertical="center"/>
    </xf>
    <xf numFmtId="0" fontId="18" fillId="7" borderId="1" xfId="0" applyFont="1" applyFill="1" applyBorder="1" applyAlignment="1">
      <alignment horizontal="center" vertical="center" wrapText="1"/>
    </xf>
  </cellXfs>
  <cellStyles count="4">
    <cellStyle name="ハイパーリンク 2" xfId="3" xr:uid="{C7F45C5A-BDA7-41C4-98C8-22E1CBF69D54}"/>
    <cellStyle name="桁区切り" xfId="1" builtinId="6"/>
    <cellStyle name="標準" xfId="0" builtinId="0"/>
    <cellStyle name="標準 2" xfId="2" xr:uid="{47CB4C5E-517F-4300-80E6-C21C4D4F567D}"/>
  </cellStyles>
  <dxfs count="0"/>
  <tableStyles count="0" defaultTableStyle="TableStyleMedium2" defaultPivotStyle="PivotStyleLight16"/>
  <colors>
    <mruColors>
      <color rgb="FF0000FF"/>
      <color rgb="FFF4F6E2"/>
      <color rgb="FFD8E199"/>
      <color rgb="FFFF5D5D"/>
      <color rgb="FFFFEFEF"/>
      <color rgb="FFFFE5E5"/>
      <color rgb="FFCCFFCC"/>
      <color rgb="FFFFFF99"/>
      <color rgb="FF2F528F"/>
      <color rgb="FFE9EDF7"/>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GBox" noThreeD="1"/>
</file>

<file path=xl/drawings/_rels/drawing1.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hyperlink" Target="https://www.smrj.go.jp/sme/overseas/consulting/advice/index.html" TargetMode="External"/></Relationships>
</file>

<file path=xl/drawings/drawing1.xml><?xml version="1.0" encoding="utf-8"?>
<xdr:wsDr xmlns:xdr="http://schemas.openxmlformats.org/drawingml/2006/spreadsheetDrawing" xmlns:a="http://schemas.openxmlformats.org/drawingml/2006/main">
  <xdr:twoCellAnchor>
    <xdr:from>
      <xdr:col>1</xdr:col>
      <xdr:colOff>541113</xdr:colOff>
      <xdr:row>1</xdr:row>
      <xdr:rowOff>408214</xdr:rowOff>
    </xdr:from>
    <xdr:to>
      <xdr:col>16</xdr:col>
      <xdr:colOff>20935</xdr:colOff>
      <xdr:row>1</xdr:row>
      <xdr:rowOff>607088</xdr:rowOff>
    </xdr:to>
    <xdr:sp macro="" textlink="">
      <xdr:nvSpPr>
        <xdr:cNvPr id="4" name="テキスト ボックス 3">
          <a:hlinkClick xmlns:r="http://schemas.openxmlformats.org/officeDocument/2006/relationships" r:id="rId1"/>
          <a:extLst>
            <a:ext uri="{FF2B5EF4-FFF2-40B4-BE49-F238E27FC236}">
              <a16:creationId xmlns:a16="http://schemas.microsoft.com/office/drawing/2014/main" id="{00000000-0008-0000-0000-000004000000}"/>
            </a:ext>
          </a:extLst>
        </xdr:cNvPr>
        <xdr:cNvSpPr txBox="1"/>
      </xdr:nvSpPr>
      <xdr:spPr>
        <a:xfrm>
          <a:off x="1545948" y="983901"/>
          <a:ext cx="4200454" cy="198874"/>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1100" u="sng">
              <a:solidFill>
                <a:srgbClr val="0000FF"/>
              </a:solidFill>
            </a:rPr>
            <a:t>https://www.smrj.go.jp/sme/overseas/consulting/advice/index.html</a:t>
          </a:r>
          <a:endParaRPr kumimoji="1" lang="ja-JP" altLang="en-US" sz="1100" u="sng">
            <a:solidFill>
              <a:srgbClr val="0000FF"/>
            </a:solidFill>
          </a:endParaRPr>
        </a:p>
      </xdr:txBody>
    </xdr:sp>
    <xdr:clientData/>
  </xdr:twoCellAnchor>
  <xdr:twoCellAnchor>
    <xdr:from>
      <xdr:col>17</xdr:col>
      <xdr:colOff>66500</xdr:colOff>
      <xdr:row>5</xdr:row>
      <xdr:rowOff>149713</xdr:rowOff>
    </xdr:from>
    <xdr:to>
      <xdr:col>28</xdr:col>
      <xdr:colOff>233448</xdr:colOff>
      <xdr:row>13</xdr:row>
      <xdr:rowOff>293075</xdr:rowOff>
    </xdr:to>
    <xdr:sp macro="" textlink="">
      <xdr:nvSpPr>
        <xdr:cNvPr id="3" name="Rectangle 2">
          <a:extLst>
            <a:ext uri="{FF2B5EF4-FFF2-40B4-BE49-F238E27FC236}">
              <a16:creationId xmlns:a16="http://schemas.microsoft.com/office/drawing/2014/main" id="{00000000-0008-0000-0000-000003000000}"/>
            </a:ext>
          </a:extLst>
        </xdr:cNvPr>
        <xdr:cNvSpPr>
          <a:spLocks noChangeArrowheads="1"/>
        </xdr:cNvSpPr>
      </xdr:nvSpPr>
      <xdr:spPr bwMode="auto">
        <a:xfrm>
          <a:off x="6085044" y="1929109"/>
          <a:ext cx="3390794" cy="3178801"/>
        </a:xfrm>
        <a:prstGeom prst="rect">
          <a:avLst/>
        </a:prstGeom>
        <a:noFill/>
        <a:ln w="317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xdr:spPr>
    </xdr:sp>
    <xdr:clientData/>
  </xdr:twoCellAnchor>
  <mc:AlternateContent xmlns:mc="http://schemas.openxmlformats.org/markup-compatibility/2006">
    <mc:Choice xmlns:a14="http://schemas.microsoft.com/office/drawing/2010/main" Requires="a14">
      <xdr:twoCellAnchor editAs="oneCell">
        <xdr:from>
          <xdr:col>36</xdr:col>
          <xdr:colOff>203200</xdr:colOff>
          <xdr:row>19</xdr:row>
          <xdr:rowOff>0</xdr:rowOff>
        </xdr:from>
        <xdr:to>
          <xdr:col>38</xdr:col>
          <xdr:colOff>527050</xdr:colOff>
          <xdr:row>20</xdr:row>
          <xdr:rowOff>88900</xdr:rowOff>
        </xdr:to>
        <xdr:sp macro="" textlink="">
          <xdr:nvSpPr>
            <xdr:cNvPr id="17459" name="Group Box 51" hidden="1">
              <a:extLst>
                <a:ext uri="{63B3BB69-23CF-44E3-9099-C40C66FF867C}">
                  <a14:compatExt spid="_x0000_s17459"/>
                </a:ext>
                <a:ext uri="{FF2B5EF4-FFF2-40B4-BE49-F238E27FC236}">
                  <a16:creationId xmlns:a16="http://schemas.microsoft.com/office/drawing/2014/main" id="{00000000-0008-0000-0000-0000334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xdr:twoCellAnchor>
    <xdr:from>
      <xdr:col>2</xdr:col>
      <xdr:colOff>369794</xdr:colOff>
      <xdr:row>46</xdr:row>
      <xdr:rowOff>100852</xdr:rowOff>
    </xdr:from>
    <xdr:to>
      <xdr:col>7</xdr:col>
      <xdr:colOff>313765</xdr:colOff>
      <xdr:row>56</xdr:row>
      <xdr:rowOff>56029</xdr:rowOff>
    </xdr:to>
    <xdr:sp macro="" textlink="">
      <xdr:nvSpPr>
        <xdr:cNvPr id="16" name="四角形吹き出し 6">
          <a:extLst>
            <a:ext uri="{FF2B5EF4-FFF2-40B4-BE49-F238E27FC236}">
              <a16:creationId xmlns:a16="http://schemas.microsoft.com/office/drawing/2014/main" id="{00000000-0008-0000-0000-000010000000}"/>
            </a:ext>
          </a:extLst>
        </xdr:cNvPr>
        <xdr:cNvSpPr/>
      </xdr:nvSpPr>
      <xdr:spPr>
        <a:xfrm>
          <a:off x="2408144" y="16712452"/>
          <a:ext cx="4173071" cy="1479177"/>
        </a:xfrm>
        <a:prstGeom prst="wedgeRectCallout">
          <a:avLst/>
        </a:prstGeom>
        <a:noFill/>
        <a:ln w="19050">
          <a:solidFill>
            <a:schemeClr val="accent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chemeClr val="accent5">
                  <a:lumMod val="50000"/>
                </a:schemeClr>
              </a:solidFill>
            </a:rPr>
            <a:t>エントリー商品が複数校ある場合は、ページをコピーして枚数を増やしてください</a:t>
          </a:r>
        </a:p>
      </xdr:txBody>
    </xdr:sp>
    <xdr:clientData/>
  </xdr:twoCellAnchor>
  <xdr:twoCellAnchor editAs="oneCell">
    <xdr:from>
      <xdr:col>25</xdr:col>
      <xdr:colOff>177939</xdr:colOff>
      <xdr:row>0</xdr:row>
      <xdr:rowOff>29997</xdr:rowOff>
    </xdr:from>
    <xdr:to>
      <xdr:col>28</xdr:col>
      <xdr:colOff>142688</xdr:colOff>
      <xdr:row>1</xdr:row>
      <xdr:rowOff>69151</xdr:rowOff>
    </xdr:to>
    <xdr:pic>
      <xdr:nvPicPr>
        <xdr:cNvPr id="2" name="図 1">
          <a:extLst>
            <a:ext uri="{FF2B5EF4-FFF2-40B4-BE49-F238E27FC236}">
              <a16:creationId xmlns:a16="http://schemas.microsoft.com/office/drawing/2014/main" id="{00000000-0008-0000-0000-000002000000}"/>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9441263" y="29997"/>
          <a:ext cx="944533" cy="608491"/>
        </a:xfrm>
        <a:prstGeom prst="rect">
          <a:avLst/>
        </a:prstGeom>
        <a:noFill/>
        <a:ln>
          <a:solidFill>
            <a:schemeClr val="bg1"/>
          </a:solidFill>
        </a:ln>
      </xdr:spPr>
    </xdr:pic>
    <xdr:clientData/>
  </xdr:twoCellAnchor>
</xdr:wsDr>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AC58"/>
  <sheetViews>
    <sheetView showGridLines="0" tabSelected="1" view="pageBreakPreview" zoomScale="91" zoomScaleNormal="77" zoomScaleSheetLayoutView="91" zoomScalePageLayoutView="70" workbookViewId="0">
      <selection activeCell="A4" sqref="A4"/>
    </sheetView>
  </sheetViews>
  <sheetFormatPr defaultRowHeight="11.5"/>
  <cols>
    <col min="1" max="1" width="14.453125" style="1" customWidth="1"/>
    <col min="2" max="2" width="14.6328125" style="1" customWidth="1"/>
    <col min="3" max="4" width="4" style="2" customWidth="1"/>
    <col min="5" max="7" width="4" style="1" customWidth="1"/>
    <col min="8" max="11" width="4" style="2" customWidth="1"/>
    <col min="12" max="14" width="4.26953125" style="2" customWidth="1"/>
    <col min="15" max="15" width="1.26953125" style="2" customWidth="1"/>
    <col min="16" max="31" width="4.26953125" style="2" customWidth="1"/>
    <col min="32" max="258" width="9" style="2"/>
    <col min="259" max="259" width="13.26953125" style="2" customWidth="1"/>
    <col min="260" max="260" width="17.08984375" style="2" customWidth="1"/>
    <col min="261" max="261" width="8.453125" style="2" customWidth="1"/>
    <col min="262" max="262" width="16.453125" style="2" customWidth="1"/>
    <col min="263" max="263" width="17.453125" style="2" customWidth="1"/>
    <col min="264" max="264" width="9.7265625" style="2" customWidth="1"/>
    <col min="265" max="265" width="9.90625" style="2" customWidth="1"/>
    <col min="266" max="266" width="9" style="2"/>
    <col min="267" max="267" width="7.36328125" style="2" customWidth="1"/>
    <col min="268" max="268" width="5.26953125" style="2" customWidth="1"/>
    <col min="269" max="514" width="9" style="2"/>
    <col min="515" max="515" width="13.26953125" style="2" customWidth="1"/>
    <col min="516" max="516" width="17.08984375" style="2" customWidth="1"/>
    <col min="517" max="517" width="8.453125" style="2" customWidth="1"/>
    <col min="518" max="518" width="16.453125" style="2" customWidth="1"/>
    <col min="519" max="519" width="17.453125" style="2" customWidth="1"/>
    <col min="520" max="520" width="9.7265625" style="2" customWidth="1"/>
    <col min="521" max="521" width="9.90625" style="2" customWidth="1"/>
    <col min="522" max="522" width="9" style="2"/>
    <col min="523" max="523" width="7.36328125" style="2" customWidth="1"/>
    <col min="524" max="524" width="5.26953125" style="2" customWidth="1"/>
    <col min="525" max="770" width="9" style="2"/>
    <col min="771" max="771" width="13.26953125" style="2" customWidth="1"/>
    <col min="772" max="772" width="17.08984375" style="2" customWidth="1"/>
    <col min="773" max="773" width="8.453125" style="2" customWidth="1"/>
    <col min="774" max="774" width="16.453125" style="2" customWidth="1"/>
    <col min="775" max="775" width="17.453125" style="2" customWidth="1"/>
    <col min="776" max="776" width="9.7265625" style="2" customWidth="1"/>
    <col min="777" max="777" width="9.90625" style="2" customWidth="1"/>
    <col min="778" max="778" width="9" style="2"/>
    <col min="779" max="779" width="7.36328125" style="2" customWidth="1"/>
    <col min="780" max="780" width="5.26953125" style="2" customWidth="1"/>
    <col min="781" max="1026" width="9" style="2"/>
    <col min="1027" max="1027" width="13.26953125" style="2" customWidth="1"/>
    <col min="1028" max="1028" width="17.08984375" style="2" customWidth="1"/>
    <col min="1029" max="1029" width="8.453125" style="2" customWidth="1"/>
    <col min="1030" max="1030" width="16.453125" style="2" customWidth="1"/>
    <col min="1031" max="1031" width="17.453125" style="2" customWidth="1"/>
    <col min="1032" max="1032" width="9.7265625" style="2" customWidth="1"/>
    <col min="1033" max="1033" width="9.90625" style="2" customWidth="1"/>
    <col min="1034" max="1034" width="9" style="2"/>
    <col min="1035" max="1035" width="7.36328125" style="2" customWidth="1"/>
    <col min="1036" max="1036" width="5.26953125" style="2" customWidth="1"/>
    <col min="1037" max="1282" width="9" style="2"/>
    <col min="1283" max="1283" width="13.26953125" style="2" customWidth="1"/>
    <col min="1284" max="1284" width="17.08984375" style="2" customWidth="1"/>
    <col min="1285" max="1285" width="8.453125" style="2" customWidth="1"/>
    <col min="1286" max="1286" width="16.453125" style="2" customWidth="1"/>
    <col min="1287" max="1287" width="17.453125" style="2" customWidth="1"/>
    <col min="1288" max="1288" width="9.7265625" style="2" customWidth="1"/>
    <col min="1289" max="1289" width="9.90625" style="2" customWidth="1"/>
    <col min="1290" max="1290" width="9" style="2"/>
    <col min="1291" max="1291" width="7.36328125" style="2" customWidth="1"/>
    <col min="1292" max="1292" width="5.26953125" style="2" customWidth="1"/>
    <col min="1293" max="1538" width="9" style="2"/>
    <col min="1539" max="1539" width="13.26953125" style="2" customWidth="1"/>
    <col min="1540" max="1540" width="17.08984375" style="2" customWidth="1"/>
    <col min="1541" max="1541" width="8.453125" style="2" customWidth="1"/>
    <col min="1542" max="1542" width="16.453125" style="2" customWidth="1"/>
    <col min="1543" max="1543" width="17.453125" style="2" customWidth="1"/>
    <col min="1544" max="1544" width="9.7265625" style="2" customWidth="1"/>
    <col min="1545" max="1545" width="9.90625" style="2" customWidth="1"/>
    <col min="1546" max="1546" width="9" style="2"/>
    <col min="1547" max="1547" width="7.36328125" style="2" customWidth="1"/>
    <col min="1548" max="1548" width="5.26953125" style="2" customWidth="1"/>
    <col min="1549" max="1794" width="9" style="2"/>
    <col min="1795" max="1795" width="13.26953125" style="2" customWidth="1"/>
    <col min="1796" max="1796" width="17.08984375" style="2" customWidth="1"/>
    <col min="1797" max="1797" width="8.453125" style="2" customWidth="1"/>
    <col min="1798" max="1798" width="16.453125" style="2" customWidth="1"/>
    <col min="1799" max="1799" width="17.453125" style="2" customWidth="1"/>
    <col min="1800" max="1800" width="9.7265625" style="2" customWidth="1"/>
    <col min="1801" max="1801" width="9.90625" style="2" customWidth="1"/>
    <col min="1802" max="1802" width="9" style="2"/>
    <col min="1803" max="1803" width="7.36328125" style="2" customWidth="1"/>
    <col min="1804" max="1804" width="5.26953125" style="2" customWidth="1"/>
    <col min="1805" max="2050" width="9" style="2"/>
    <col min="2051" max="2051" width="13.26953125" style="2" customWidth="1"/>
    <col min="2052" max="2052" width="17.08984375" style="2" customWidth="1"/>
    <col min="2053" max="2053" width="8.453125" style="2" customWidth="1"/>
    <col min="2054" max="2054" width="16.453125" style="2" customWidth="1"/>
    <col min="2055" max="2055" width="17.453125" style="2" customWidth="1"/>
    <col min="2056" max="2056" width="9.7265625" style="2" customWidth="1"/>
    <col min="2057" max="2057" width="9.90625" style="2" customWidth="1"/>
    <col min="2058" max="2058" width="9" style="2"/>
    <col min="2059" max="2059" width="7.36328125" style="2" customWidth="1"/>
    <col min="2060" max="2060" width="5.26953125" style="2" customWidth="1"/>
    <col min="2061" max="2306" width="9" style="2"/>
    <col min="2307" max="2307" width="13.26953125" style="2" customWidth="1"/>
    <col min="2308" max="2308" width="17.08984375" style="2" customWidth="1"/>
    <col min="2309" max="2309" width="8.453125" style="2" customWidth="1"/>
    <col min="2310" max="2310" width="16.453125" style="2" customWidth="1"/>
    <col min="2311" max="2311" width="17.453125" style="2" customWidth="1"/>
    <col min="2312" max="2312" width="9.7265625" style="2" customWidth="1"/>
    <col min="2313" max="2313" width="9.90625" style="2" customWidth="1"/>
    <col min="2314" max="2314" width="9" style="2"/>
    <col min="2315" max="2315" width="7.36328125" style="2" customWidth="1"/>
    <col min="2316" max="2316" width="5.26953125" style="2" customWidth="1"/>
    <col min="2317" max="2562" width="9" style="2"/>
    <col min="2563" max="2563" width="13.26953125" style="2" customWidth="1"/>
    <col min="2564" max="2564" width="17.08984375" style="2" customWidth="1"/>
    <col min="2565" max="2565" width="8.453125" style="2" customWidth="1"/>
    <col min="2566" max="2566" width="16.453125" style="2" customWidth="1"/>
    <col min="2567" max="2567" width="17.453125" style="2" customWidth="1"/>
    <col min="2568" max="2568" width="9.7265625" style="2" customWidth="1"/>
    <col min="2569" max="2569" width="9.90625" style="2" customWidth="1"/>
    <col min="2570" max="2570" width="9" style="2"/>
    <col min="2571" max="2571" width="7.36328125" style="2" customWidth="1"/>
    <col min="2572" max="2572" width="5.26953125" style="2" customWidth="1"/>
    <col min="2573" max="2818" width="9" style="2"/>
    <col min="2819" max="2819" width="13.26953125" style="2" customWidth="1"/>
    <col min="2820" max="2820" width="17.08984375" style="2" customWidth="1"/>
    <col min="2821" max="2821" width="8.453125" style="2" customWidth="1"/>
    <col min="2822" max="2822" width="16.453125" style="2" customWidth="1"/>
    <col min="2823" max="2823" width="17.453125" style="2" customWidth="1"/>
    <col min="2824" max="2824" width="9.7265625" style="2" customWidth="1"/>
    <col min="2825" max="2825" width="9.90625" style="2" customWidth="1"/>
    <col min="2826" max="2826" width="9" style="2"/>
    <col min="2827" max="2827" width="7.36328125" style="2" customWidth="1"/>
    <col min="2828" max="2828" width="5.26953125" style="2" customWidth="1"/>
    <col min="2829" max="3074" width="9" style="2"/>
    <col min="3075" max="3075" width="13.26953125" style="2" customWidth="1"/>
    <col min="3076" max="3076" width="17.08984375" style="2" customWidth="1"/>
    <col min="3077" max="3077" width="8.453125" style="2" customWidth="1"/>
    <col min="3078" max="3078" width="16.453125" style="2" customWidth="1"/>
    <col min="3079" max="3079" width="17.453125" style="2" customWidth="1"/>
    <col min="3080" max="3080" width="9.7265625" style="2" customWidth="1"/>
    <col min="3081" max="3081" width="9.90625" style="2" customWidth="1"/>
    <col min="3082" max="3082" width="9" style="2"/>
    <col min="3083" max="3083" width="7.36328125" style="2" customWidth="1"/>
    <col min="3084" max="3084" width="5.26953125" style="2" customWidth="1"/>
    <col min="3085" max="3330" width="9" style="2"/>
    <col min="3331" max="3331" width="13.26953125" style="2" customWidth="1"/>
    <col min="3332" max="3332" width="17.08984375" style="2" customWidth="1"/>
    <col min="3333" max="3333" width="8.453125" style="2" customWidth="1"/>
    <col min="3334" max="3334" width="16.453125" style="2" customWidth="1"/>
    <col min="3335" max="3335" width="17.453125" style="2" customWidth="1"/>
    <col min="3336" max="3336" width="9.7265625" style="2" customWidth="1"/>
    <col min="3337" max="3337" width="9.90625" style="2" customWidth="1"/>
    <col min="3338" max="3338" width="9" style="2"/>
    <col min="3339" max="3339" width="7.36328125" style="2" customWidth="1"/>
    <col min="3340" max="3340" width="5.26953125" style="2" customWidth="1"/>
    <col min="3341" max="3586" width="9" style="2"/>
    <col min="3587" max="3587" width="13.26953125" style="2" customWidth="1"/>
    <col min="3588" max="3588" width="17.08984375" style="2" customWidth="1"/>
    <col min="3589" max="3589" width="8.453125" style="2" customWidth="1"/>
    <col min="3590" max="3590" width="16.453125" style="2" customWidth="1"/>
    <col min="3591" max="3591" width="17.453125" style="2" customWidth="1"/>
    <col min="3592" max="3592" width="9.7265625" style="2" customWidth="1"/>
    <col min="3593" max="3593" width="9.90625" style="2" customWidth="1"/>
    <col min="3594" max="3594" width="9" style="2"/>
    <col min="3595" max="3595" width="7.36328125" style="2" customWidth="1"/>
    <col min="3596" max="3596" width="5.26953125" style="2" customWidth="1"/>
    <col min="3597" max="3842" width="9" style="2"/>
    <col min="3843" max="3843" width="13.26953125" style="2" customWidth="1"/>
    <col min="3844" max="3844" width="17.08984375" style="2" customWidth="1"/>
    <col min="3845" max="3845" width="8.453125" style="2" customWidth="1"/>
    <col min="3846" max="3846" width="16.453125" style="2" customWidth="1"/>
    <col min="3847" max="3847" width="17.453125" style="2" customWidth="1"/>
    <col min="3848" max="3848" width="9.7265625" style="2" customWidth="1"/>
    <col min="3849" max="3849" width="9.90625" style="2" customWidth="1"/>
    <col min="3850" max="3850" width="9" style="2"/>
    <col min="3851" max="3851" width="7.36328125" style="2" customWidth="1"/>
    <col min="3852" max="3852" width="5.26953125" style="2" customWidth="1"/>
    <col min="3853" max="4098" width="9" style="2"/>
    <col min="4099" max="4099" width="13.26953125" style="2" customWidth="1"/>
    <col min="4100" max="4100" width="17.08984375" style="2" customWidth="1"/>
    <col min="4101" max="4101" width="8.453125" style="2" customWidth="1"/>
    <col min="4102" max="4102" width="16.453125" style="2" customWidth="1"/>
    <col min="4103" max="4103" width="17.453125" style="2" customWidth="1"/>
    <col min="4104" max="4104" width="9.7265625" style="2" customWidth="1"/>
    <col min="4105" max="4105" width="9.90625" style="2" customWidth="1"/>
    <col min="4106" max="4106" width="9" style="2"/>
    <col min="4107" max="4107" width="7.36328125" style="2" customWidth="1"/>
    <col min="4108" max="4108" width="5.26953125" style="2" customWidth="1"/>
    <col min="4109" max="4354" width="9" style="2"/>
    <col min="4355" max="4355" width="13.26953125" style="2" customWidth="1"/>
    <col min="4356" max="4356" width="17.08984375" style="2" customWidth="1"/>
    <col min="4357" max="4357" width="8.453125" style="2" customWidth="1"/>
    <col min="4358" max="4358" width="16.453125" style="2" customWidth="1"/>
    <col min="4359" max="4359" width="17.453125" style="2" customWidth="1"/>
    <col min="4360" max="4360" width="9.7265625" style="2" customWidth="1"/>
    <col min="4361" max="4361" width="9.90625" style="2" customWidth="1"/>
    <col min="4362" max="4362" width="9" style="2"/>
    <col min="4363" max="4363" width="7.36328125" style="2" customWidth="1"/>
    <col min="4364" max="4364" width="5.26953125" style="2" customWidth="1"/>
    <col min="4365" max="4610" width="9" style="2"/>
    <col min="4611" max="4611" width="13.26953125" style="2" customWidth="1"/>
    <col min="4612" max="4612" width="17.08984375" style="2" customWidth="1"/>
    <col min="4613" max="4613" width="8.453125" style="2" customWidth="1"/>
    <col min="4614" max="4614" width="16.453125" style="2" customWidth="1"/>
    <col min="4615" max="4615" width="17.453125" style="2" customWidth="1"/>
    <col min="4616" max="4616" width="9.7265625" style="2" customWidth="1"/>
    <col min="4617" max="4617" width="9.90625" style="2" customWidth="1"/>
    <col min="4618" max="4618" width="9" style="2"/>
    <col min="4619" max="4619" width="7.36328125" style="2" customWidth="1"/>
    <col min="4620" max="4620" width="5.26953125" style="2" customWidth="1"/>
    <col min="4621" max="4866" width="9" style="2"/>
    <col min="4867" max="4867" width="13.26953125" style="2" customWidth="1"/>
    <col min="4868" max="4868" width="17.08984375" style="2" customWidth="1"/>
    <col min="4869" max="4869" width="8.453125" style="2" customWidth="1"/>
    <col min="4870" max="4870" width="16.453125" style="2" customWidth="1"/>
    <col min="4871" max="4871" width="17.453125" style="2" customWidth="1"/>
    <col min="4872" max="4872" width="9.7265625" style="2" customWidth="1"/>
    <col min="4873" max="4873" width="9.90625" style="2" customWidth="1"/>
    <col min="4874" max="4874" width="9" style="2"/>
    <col min="4875" max="4875" width="7.36328125" style="2" customWidth="1"/>
    <col min="4876" max="4876" width="5.26953125" style="2" customWidth="1"/>
    <col min="4877" max="5122" width="9" style="2"/>
    <col min="5123" max="5123" width="13.26953125" style="2" customWidth="1"/>
    <col min="5124" max="5124" width="17.08984375" style="2" customWidth="1"/>
    <col min="5125" max="5125" width="8.453125" style="2" customWidth="1"/>
    <col min="5126" max="5126" width="16.453125" style="2" customWidth="1"/>
    <col min="5127" max="5127" width="17.453125" style="2" customWidth="1"/>
    <col min="5128" max="5128" width="9.7265625" style="2" customWidth="1"/>
    <col min="5129" max="5129" width="9.90625" style="2" customWidth="1"/>
    <col min="5130" max="5130" width="9" style="2"/>
    <col min="5131" max="5131" width="7.36328125" style="2" customWidth="1"/>
    <col min="5132" max="5132" width="5.26953125" style="2" customWidth="1"/>
    <col min="5133" max="5378" width="9" style="2"/>
    <col min="5379" max="5379" width="13.26953125" style="2" customWidth="1"/>
    <col min="5380" max="5380" width="17.08984375" style="2" customWidth="1"/>
    <col min="5381" max="5381" width="8.453125" style="2" customWidth="1"/>
    <col min="5382" max="5382" width="16.453125" style="2" customWidth="1"/>
    <col min="5383" max="5383" width="17.453125" style="2" customWidth="1"/>
    <col min="5384" max="5384" width="9.7265625" style="2" customWidth="1"/>
    <col min="5385" max="5385" width="9.90625" style="2" customWidth="1"/>
    <col min="5386" max="5386" width="9" style="2"/>
    <col min="5387" max="5387" width="7.36328125" style="2" customWidth="1"/>
    <col min="5388" max="5388" width="5.26953125" style="2" customWidth="1"/>
    <col min="5389" max="5634" width="9" style="2"/>
    <col min="5635" max="5635" width="13.26953125" style="2" customWidth="1"/>
    <col min="5636" max="5636" width="17.08984375" style="2" customWidth="1"/>
    <col min="5637" max="5637" width="8.453125" style="2" customWidth="1"/>
    <col min="5638" max="5638" width="16.453125" style="2" customWidth="1"/>
    <col min="5639" max="5639" width="17.453125" style="2" customWidth="1"/>
    <col min="5640" max="5640" width="9.7265625" style="2" customWidth="1"/>
    <col min="5641" max="5641" width="9.90625" style="2" customWidth="1"/>
    <col min="5642" max="5642" width="9" style="2"/>
    <col min="5643" max="5643" width="7.36328125" style="2" customWidth="1"/>
    <col min="5644" max="5644" width="5.26953125" style="2" customWidth="1"/>
    <col min="5645" max="5890" width="9" style="2"/>
    <col min="5891" max="5891" width="13.26953125" style="2" customWidth="1"/>
    <col min="5892" max="5892" width="17.08984375" style="2" customWidth="1"/>
    <col min="5893" max="5893" width="8.453125" style="2" customWidth="1"/>
    <col min="5894" max="5894" width="16.453125" style="2" customWidth="1"/>
    <col min="5895" max="5895" width="17.453125" style="2" customWidth="1"/>
    <col min="5896" max="5896" width="9.7265625" style="2" customWidth="1"/>
    <col min="5897" max="5897" width="9.90625" style="2" customWidth="1"/>
    <col min="5898" max="5898" width="9" style="2"/>
    <col min="5899" max="5899" width="7.36328125" style="2" customWidth="1"/>
    <col min="5900" max="5900" width="5.26953125" style="2" customWidth="1"/>
    <col min="5901" max="6146" width="9" style="2"/>
    <col min="6147" max="6147" width="13.26953125" style="2" customWidth="1"/>
    <col min="6148" max="6148" width="17.08984375" style="2" customWidth="1"/>
    <col min="6149" max="6149" width="8.453125" style="2" customWidth="1"/>
    <col min="6150" max="6150" width="16.453125" style="2" customWidth="1"/>
    <col min="6151" max="6151" width="17.453125" style="2" customWidth="1"/>
    <col min="6152" max="6152" width="9.7265625" style="2" customWidth="1"/>
    <col min="6153" max="6153" width="9.90625" style="2" customWidth="1"/>
    <col min="6154" max="6154" width="9" style="2"/>
    <col min="6155" max="6155" width="7.36328125" style="2" customWidth="1"/>
    <col min="6156" max="6156" width="5.26953125" style="2" customWidth="1"/>
    <col min="6157" max="6402" width="9" style="2"/>
    <col min="6403" max="6403" width="13.26953125" style="2" customWidth="1"/>
    <col min="6404" max="6404" width="17.08984375" style="2" customWidth="1"/>
    <col min="6405" max="6405" width="8.453125" style="2" customWidth="1"/>
    <col min="6406" max="6406" width="16.453125" style="2" customWidth="1"/>
    <col min="6407" max="6407" width="17.453125" style="2" customWidth="1"/>
    <col min="6408" max="6408" width="9.7265625" style="2" customWidth="1"/>
    <col min="6409" max="6409" width="9.90625" style="2" customWidth="1"/>
    <col min="6410" max="6410" width="9" style="2"/>
    <col min="6411" max="6411" width="7.36328125" style="2" customWidth="1"/>
    <col min="6412" max="6412" width="5.26953125" style="2" customWidth="1"/>
    <col min="6413" max="6658" width="9" style="2"/>
    <col min="6659" max="6659" width="13.26953125" style="2" customWidth="1"/>
    <col min="6660" max="6660" width="17.08984375" style="2" customWidth="1"/>
    <col min="6661" max="6661" width="8.453125" style="2" customWidth="1"/>
    <col min="6662" max="6662" width="16.453125" style="2" customWidth="1"/>
    <col min="6663" max="6663" width="17.453125" style="2" customWidth="1"/>
    <col min="6664" max="6664" width="9.7265625" style="2" customWidth="1"/>
    <col min="6665" max="6665" width="9.90625" style="2" customWidth="1"/>
    <col min="6666" max="6666" width="9" style="2"/>
    <col min="6667" max="6667" width="7.36328125" style="2" customWidth="1"/>
    <col min="6668" max="6668" width="5.26953125" style="2" customWidth="1"/>
    <col min="6669" max="6914" width="9" style="2"/>
    <col min="6915" max="6915" width="13.26953125" style="2" customWidth="1"/>
    <col min="6916" max="6916" width="17.08984375" style="2" customWidth="1"/>
    <col min="6917" max="6917" width="8.453125" style="2" customWidth="1"/>
    <col min="6918" max="6918" width="16.453125" style="2" customWidth="1"/>
    <col min="6919" max="6919" width="17.453125" style="2" customWidth="1"/>
    <col min="6920" max="6920" width="9.7265625" style="2" customWidth="1"/>
    <col min="6921" max="6921" width="9.90625" style="2" customWidth="1"/>
    <col min="6922" max="6922" width="9" style="2"/>
    <col min="6923" max="6923" width="7.36328125" style="2" customWidth="1"/>
    <col min="6924" max="6924" width="5.26953125" style="2" customWidth="1"/>
    <col min="6925" max="7170" width="9" style="2"/>
    <col min="7171" max="7171" width="13.26953125" style="2" customWidth="1"/>
    <col min="7172" max="7172" width="17.08984375" style="2" customWidth="1"/>
    <col min="7173" max="7173" width="8.453125" style="2" customWidth="1"/>
    <col min="7174" max="7174" width="16.453125" style="2" customWidth="1"/>
    <col min="7175" max="7175" width="17.453125" style="2" customWidth="1"/>
    <col min="7176" max="7176" width="9.7265625" style="2" customWidth="1"/>
    <col min="7177" max="7177" width="9.90625" style="2" customWidth="1"/>
    <col min="7178" max="7178" width="9" style="2"/>
    <col min="7179" max="7179" width="7.36328125" style="2" customWidth="1"/>
    <col min="7180" max="7180" width="5.26953125" style="2" customWidth="1"/>
    <col min="7181" max="7426" width="9" style="2"/>
    <col min="7427" max="7427" width="13.26953125" style="2" customWidth="1"/>
    <col min="7428" max="7428" width="17.08984375" style="2" customWidth="1"/>
    <col min="7429" max="7429" width="8.453125" style="2" customWidth="1"/>
    <col min="7430" max="7430" width="16.453125" style="2" customWidth="1"/>
    <col min="7431" max="7431" width="17.453125" style="2" customWidth="1"/>
    <col min="7432" max="7432" width="9.7265625" style="2" customWidth="1"/>
    <col min="7433" max="7433" width="9.90625" style="2" customWidth="1"/>
    <col min="7434" max="7434" width="9" style="2"/>
    <col min="7435" max="7435" width="7.36328125" style="2" customWidth="1"/>
    <col min="7436" max="7436" width="5.26953125" style="2" customWidth="1"/>
    <col min="7437" max="7682" width="9" style="2"/>
    <col min="7683" max="7683" width="13.26953125" style="2" customWidth="1"/>
    <col min="7684" max="7684" width="17.08984375" style="2" customWidth="1"/>
    <col min="7685" max="7685" width="8.453125" style="2" customWidth="1"/>
    <col min="7686" max="7686" width="16.453125" style="2" customWidth="1"/>
    <col min="7687" max="7687" width="17.453125" style="2" customWidth="1"/>
    <col min="7688" max="7688" width="9.7265625" style="2" customWidth="1"/>
    <col min="7689" max="7689" width="9.90625" style="2" customWidth="1"/>
    <col min="7690" max="7690" width="9" style="2"/>
    <col min="7691" max="7691" width="7.36328125" style="2" customWidth="1"/>
    <col min="7692" max="7692" width="5.26953125" style="2" customWidth="1"/>
    <col min="7693" max="7938" width="9" style="2"/>
    <col min="7939" max="7939" width="13.26953125" style="2" customWidth="1"/>
    <col min="7940" max="7940" width="17.08984375" style="2" customWidth="1"/>
    <col min="7941" max="7941" width="8.453125" style="2" customWidth="1"/>
    <col min="7942" max="7942" width="16.453125" style="2" customWidth="1"/>
    <col min="7943" max="7943" width="17.453125" style="2" customWidth="1"/>
    <col min="7944" max="7944" width="9.7265625" style="2" customWidth="1"/>
    <col min="7945" max="7945" width="9.90625" style="2" customWidth="1"/>
    <col min="7946" max="7946" width="9" style="2"/>
    <col min="7947" max="7947" width="7.36328125" style="2" customWidth="1"/>
    <col min="7948" max="7948" width="5.26953125" style="2" customWidth="1"/>
    <col min="7949" max="8194" width="9" style="2"/>
    <col min="8195" max="8195" width="13.26953125" style="2" customWidth="1"/>
    <col min="8196" max="8196" width="17.08984375" style="2" customWidth="1"/>
    <col min="8197" max="8197" width="8.453125" style="2" customWidth="1"/>
    <col min="8198" max="8198" width="16.453125" style="2" customWidth="1"/>
    <col min="8199" max="8199" width="17.453125" style="2" customWidth="1"/>
    <col min="8200" max="8200" width="9.7265625" style="2" customWidth="1"/>
    <col min="8201" max="8201" width="9.90625" style="2" customWidth="1"/>
    <col min="8202" max="8202" width="9" style="2"/>
    <col min="8203" max="8203" width="7.36328125" style="2" customWidth="1"/>
    <col min="8204" max="8204" width="5.26953125" style="2" customWidth="1"/>
    <col min="8205" max="8450" width="9" style="2"/>
    <col min="8451" max="8451" width="13.26953125" style="2" customWidth="1"/>
    <col min="8452" max="8452" width="17.08984375" style="2" customWidth="1"/>
    <col min="8453" max="8453" width="8.453125" style="2" customWidth="1"/>
    <col min="8454" max="8454" width="16.453125" style="2" customWidth="1"/>
    <col min="8455" max="8455" width="17.453125" style="2" customWidth="1"/>
    <col min="8456" max="8456" width="9.7265625" style="2" customWidth="1"/>
    <col min="8457" max="8457" width="9.90625" style="2" customWidth="1"/>
    <col min="8458" max="8458" width="9" style="2"/>
    <col min="8459" max="8459" width="7.36328125" style="2" customWidth="1"/>
    <col min="8460" max="8460" width="5.26953125" style="2" customWidth="1"/>
    <col min="8461" max="8706" width="9" style="2"/>
    <col min="8707" max="8707" width="13.26953125" style="2" customWidth="1"/>
    <col min="8708" max="8708" width="17.08984375" style="2" customWidth="1"/>
    <col min="8709" max="8709" width="8.453125" style="2" customWidth="1"/>
    <col min="8710" max="8710" width="16.453125" style="2" customWidth="1"/>
    <col min="8711" max="8711" width="17.453125" style="2" customWidth="1"/>
    <col min="8712" max="8712" width="9.7265625" style="2" customWidth="1"/>
    <col min="8713" max="8713" width="9.90625" style="2" customWidth="1"/>
    <col min="8714" max="8714" width="9" style="2"/>
    <col min="8715" max="8715" width="7.36328125" style="2" customWidth="1"/>
    <col min="8716" max="8716" width="5.26953125" style="2" customWidth="1"/>
    <col min="8717" max="8962" width="9" style="2"/>
    <col min="8963" max="8963" width="13.26953125" style="2" customWidth="1"/>
    <col min="8964" max="8964" width="17.08984375" style="2" customWidth="1"/>
    <col min="8965" max="8965" width="8.453125" style="2" customWidth="1"/>
    <col min="8966" max="8966" width="16.453125" style="2" customWidth="1"/>
    <col min="8967" max="8967" width="17.453125" style="2" customWidth="1"/>
    <col min="8968" max="8968" width="9.7265625" style="2" customWidth="1"/>
    <col min="8969" max="8969" width="9.90625" style="2" customWidth="1"/>
    <col min="8970" max="8970" width="9" style="2"/>
    <col min="8971" max="8971" width="7.36328125" style="2" customWidth="1"/>
    <col min="8972" max="8972" width="5.26953125" style="2" customWidth="1"/>
    <col min="8973" max="9218" width="9" style="2"/>
    <col min="9219" max="9219" width="13.26953125" style="2" customWidth="1"/>
    <col min="9220" max="9220" width="17.08984375" style="2" customWidth="1"/>
    <col min="9221" max="9221" width="8.453125" style="2" customWidth="1"/>
    <col min="9222" max="9222" width="16.453125" style="2" customWidth="1"/>
    <col min="9223" max="9223" width="17.453125" style="2" customWidth="1"/>
    <col min="9224" max="9224" width="9.7265625" style="2" customWidth="1"/>
    <col min="9225" max="9225" width="9.90625" style="2" customWidth="1"/>
    <col min="9226" max="9226" width="9" style="2"/>
    <col min="9227" max="9227" width="7.36328125" style="2" customWidth="1"/>
    <col min="9228" max="9228" width="5.26953125" style="2" customWidth="1"/>
    <col min="9229" max="9474" width="9" style="2"/>
    <col min="9475" max="9475" width="13.26953125" style="2" customWidth="1"/>
    <col min="9476" max="9476" width="17.08984375" style="2" customWidth="1"/>
    <col min="9477" max="9477" width="8.453125" style="2" customWidth="1"/>
    <col min="9478" max="9478" width="16.453125" style="2" customWidth="1"/>
    <col min="9479" max="9479" width="17.453125" style="2" customWidth="1"/>
    <col min="9480" max="9480" width="9.7265625" style="2" customWidth="1"/>
    <col min="9481" max="9481" width="9.90625" style="2" customWidth="1"/>
    <col min="9482" max="9482" width="9" style="2"/>
    <col min="9483" max="9483" width="7.36328125" style="2" customWidth="1"/>
    <col min="9484" max="9484" width="5.26953125" style="2" customWidth="1"/>
    <col min="9485" max="9730" width="9" style="2"/>
    <col min="9731" max="9731" width="13.26953125" style="2" customWidth="1"/>
    <col min="9732" max="9732" width="17.08984375" style="2" customWidth="1"/>
    <col min="9733" max="9733" width="8.453125" style="2" customWidth="1"/>
    <col min="9734" max="9734" width="16.453125" style="2" customWidth="1"/>
    <col min="9735" max="9735" width="17.453125" style="2" customWidth="1"/>
    <col min="9736" max="9736" width="9.7265625" style="2" customWidth="1"/>
    <col min="9737" max="9737" width="9.90625" style="2" customWidth="1"/>
    <col min="9738" max="9738" width="9" style="2"/>
    <col min="9739" max="9739" width="7.36328125" style="2" customWidth="1"/>
    <col min="9740" max="9740" width="5.26953125" style="2" customWidth="1"/>
    <col min="9741" max="9986" width="9" style="2"/>
    <col min="9987" max="9987" width="13.26953125" style="2" customWidth="1"/>
    <col min="9988" max="9988" width="17.08984375" style="2" customWidth="1"/>
    <col min="9989" max="9989" width="8.453125" style="2" customWidth="1"/>
    <col min="9990" max="9990" width="16.453125" style="2" customWidth="1"/>
    <col min="9991" max="9991" width="17.453125" style="2" customWidth="1"/>
    <col min="9992" max="9992" width="9.7265625" style="2" customWidth="1"/>
    <col min="9993" max="9993" width="9.90625" style="2" customWidth="1"/>
    <col min="9994" max="9994" width="9" style="2"/>
    <col min="9995" max="9995" width="7.36328125" style="2" customWidth="1"/>
    <col min="9996" max="9996" width="5.26953125" style="2" customWidth="1"/>
    <col min="9997" max="10242" width="9" style="2"/>
    <col min="10243" max="10243" width="13.26953125" style="2" customWidth="1"/>
    <col min="10244" max="10244" width="17.08984375" style="2" customWidth="1"/>
    <col min="10245" max="10245" width="8.453125" style="2" customWidth="1"/>
    <col min="10246" max="10246" width="16.453125" style="2" customWidth="1"/>
    <col min="10247" max="10247" width="17.453125" style="2" customWidth="1"/>
    <col min="10248" max="10248" width="9.7265625" style="2" customWidth="1"/>
    <col min="10249" max="10249" width="9.90625" style="2" customWidth="1"/>
    <col min="10250" max="10250" width="9" style="2"/>
    <col min="10251" max="10251" width="7.36328125" style="2" customWidth="1"/>
    <col min="10252" max="10252" width="5.26953125" style="2" customWidth="1"/>
    <col min="10253" max="10498" width="9" style="2"/>
    <col min="10499" max="10499" width="13.26953125" style="2" customWidth="1"/>
    <col min="10500" max="10500" width="17.08984375" style="2" customWidth="1"/>
    <col min="10501" max="10501" width="8.453125" style="2" customWidth="1"/>
    <col min="10502" max="10502" width="16.453125" style="2" customWidth="1"/>
    <col min="10503" max="10503" width="17.453125" style="2" customWidth="1"/>
    <col min="10504" max="10504" width="9.7265625" style="2" customWidth="1"/>
    <col min="10505" max="10505" width="9.90625" style="2" customWidth="1"/>
    <col min="10506" max="10506" width="9" style="2"/>
    <col min="10507" max="10507" width="7.36328125" style="2" customWidth="1"/>
    <col min="10508" max="10508" width="5.26953125" style="2" customWidth="1"/>
    <col min="10509" max="10754" width="9" style="2"/>
    <col min="10755" max="10755" width="13.26953125" style="2" customWidth="1"/>
    <col min="10756" max="10756" width="17.08984375" style="2" customWidth="1"/>
    <col min="10757" max="10757" width="8.453125" style="2" customWidth="1"/>
    <col min="10758" max="10758" width="16.453125" style="2" customWidth="1"/>
    <col min="10759" max="10759" width="17.453125" style="2" customWidth="1"/>
    <col min="10760" max="10760" width="9.7265625" style="2" customWidth="1"/>
    <col min="10761" max="10761" width="9.90625" style="2" customWidth="1"/>
    <col min="10762" max="10762" width="9" style="2"/>
    <col min="10763" max="10763" width="7.36328125" style="2" customWidth="1"/>
    <col min="10764" max="10764" width="5.26953125" style="2" customWidth="1"/>
    <col min="10765" max="11010" width="9" style="2"/>
    <col min="11011" max="11011" width="13.26953125" style="2" customWidth="1"/>
    <col min="11012" max="11012" width="17.08984375" style="2" customWidth="1"/>
    <col min="11013" max="11013" width="8.453125" style="2" customWidth="1"/>
    <col min="11014" max="11014" width="16.453125" style="2" customWidth="1"/>
    <col min="11015" max="11015" width="17.453125" style="2" customWidth="1"/>
    <col min="11016" max="11016" width="9.7265625" style="2" customWidth="1"/>
    <col min="11017" max="11017" width="9.90625" style="2" customWidth="1"/>
    <col min="11018" max="11018" width="9" style="2"/>
    <col min="11019" max="11019" width="7.36328125" style="2" customWidth="1"/>
    <col min="11020" max="11020" width="5.26953125" style="2" customWidth="1"/>
    <col min="11021" max="11266" width="9" style="2"/>
    <col min="11267" max="11267" width="13.26953125" style="2" customWidth="1"/>
    <col min="11268" max="11268" width="17.08984375" style="2" customWidth="1"/>
    <col min="11269" max="11269" width="8.453125" style="2" customWidth="1"/>
    <col min="11270" max="11270" width="16.453125" style="2" customWidth="1"/>
    <col min="11271" max="11271" width="17.453125" style="2" customWidth="1"/>
    <col min="11272" max="11272" width="9.7265625" style="2" customWidth="1"/>
    <col min="11273" max="11273" width="9.90625" style="2" customWidth="1"/>
    <col min="11274" max="11274" width="9" style="2"/>
    <col min="11275" max="11275" width="7.36328125" style="2" customWidth="1"/>
    <col min="11276" max="11276" width="5.26953125" style="2" customWidth="1"/>
    <col min="11277" max="11522" width="9" style="2"/>
    <col min="11523" max="11523" width="13.26953125" style="2" customWidth="1"/>
    <col min="11524" max="11524" width="17.08984375" style="2" customWidth="1"/>
    <col min="11525" max="11525" width="8.453125" style="2" customWidth="1"/>
    <col min="11526" max="11526" width="16.453125" style="2" customWidth="1"/>
    <col min="11527" max="11527" width="17.453125" style="2" customWidth="1"/>
    <col min="11528" max="11528" width="9.7265625" style="2" customWidth="1"/>
    <col min="11529" max="11529" width="9.90625" style="2" customWidth="1"/>
    <col min="11530" max="11530" width="9" style="2"/>
    <col min="11531" max="11531" width="7.36328125" style="2" customWidth="1"/>
    <col min="11532" max="11532" width="5.26953125" style="2" customWidth="1"/>
    <col min="11533" max="11778" width="9" style="2"/>
    <col min="11779" max="11779" width="13.26953125" style="2" customWidth="1"/>
    <col min="11780" max="11780" width="17.08984375" style="2" customWidth="1"/>
    <col min="11781" max="11781" width="8.453125" style="2" customWidth="1"/>
    <col min="11782" max="11782" width="16.453125" style="2" customWidth="1"/>
    <col min="11783" max="11783" width="17.453125" style="2" customWidth="1"/>
    <col min="11784" max="11784" width="9.7265625" style="2" customWidth="1"/>
    <col min="11785" max="11785" width="9.90625" style="2" customWidth="1"/>
    <col min="11786" max="11786" width="9" style="2"/>
    <col min="11787" max="11787" width="7.36328125" style="2" customWidth="1"/>
    <col min="11788" max="11788" width="5.26953125" style="2" customWidth="1"/>
    <col min="11789" max="12034" width="9" style="2"/>
    <col min="12035" max="12035" width="13.26953125" style="2" customWidth="1"/>
    <col min="12036" max="12036" width="17.08984375" style="2" customWidth="1"/>
    <col min="12037" max="12037" width="8.453125" style="2" customWidth="1"/>
    <col min="12038" max="12038" width="16.453125" style="2" customWidth="1"/>
    <col min="12039" max="12039" width="17.453125" style="2" customWidth="1"/>
    <col min="12040" max="12040" width="9.7265625" style="2" customWidth="1"/>
    <col min="12041" max="12041" width="9.90625" style="2" customWidth="1"/>
    <col min="12042" max="12042" width="9" style="2"/>
    <col min="12043" max="12043" width="7.36328125" style="2" customWidth="1"/>
    <col min="12044" max="12044" width="5.26953125" style="2" customWidth="1"/>
    <col min="12045" max="12290" width="9" style="2"/>
    <col min="12291" max="12291" width="13.26953125" style="2" customWidth="1"/>
    <col min="12292" max="12292" width="17.08984375" style="2" customWidth="1"/>
    <col min="12293" max="12293" width="8.453125" style="2" customWidth="1"/>
    <col min="12294" max="12294" width="16.453125" style="2" customWidth="1"/>
    <col min="12295" max="12295" width="17.453125" style="2" customWidth="1"/>
    <col min="12296" max="12296" width="9.7265625" style="2" customWidth="1"/>
    <col min="12297" max="12297" width="9.90625" style="2" customWidth="1"/>
    <col min="12298" max="12298" width="9" style="2"/>
    <col min="12299" max="12299" width="7.36328125" style="2" customWidth="1"/>
    <col min="12300" max="12300" width="5.26953125" style="2" customWidth="1"/>
    <col min="12301" max="12546" width="9" style="2"/>
    <col min="12547" max="12547" width="13.26953125" style="2" customWidth="1"/>
    <col min="12548" max="12548" width="17.08984375" style="2" customWidth="1"/>
    <col min="12549" max="12549" width="8.453125" style="2" customWidth="1"/>
    <col min="12550" max="12550" width="16.453125" style="2" customWidth="1"/>
    <col min="12551" max="12551" width="17.453125" style="2" customWidth="1"/>
    <col min="12552" max="12552" width="9.7265625" style="2" customWidth="1"/>
    <col min="12553" max="12553" width="9.90625" style="2" customWidth="1"/>
    <col min="12554" max="12554" width="9" style="2"/>
    <col min="12555" max="12555" width="7.36328125" style="2" customWidth="1"/>
    <col min="12556" max="12556" width="5.26953125" style="2" customWidth="1"/>
    <col min="12557" max="12802" width="9" style="2"/>
    <col min="12803" max="12803" width="13.26953125" style="2" customWidth="1"/>
    <col min="12804" max="12804" width="17.08984375" style="2" customWidth="1"/>
    <col min="12805" max="12805" width="8.453125" style="2" customWidth="1"/>
    <col min="12806" max="12806" width="16.453125" style="2" customWidth="1"/>
    <col min="12807" max="12807" width="17.453125" style="2" customWidth="1"/>
    <col min="12808" max="12808" width="9.7265625" style="2" customWidth="1"/>
    <col min="12809" max="12809" width="9.90625" style="2" customWidth="1"/>
    <col min="12810" max="12810" width="9" style="2"/>
    <col min="12811" max="12811" width="7.36328125" style="2" customWidth="1"/>
    <col min="12812" max="12812" width="5.26953125" style="2" customWidth="1"/>
    <col min="12813" max="13058" width="9" style="2"/>
    <col min="13059" max="13059" width="13.26953125" style="2" customWidth="1"/>
    <col min="13060" max="13060" width="17.08984375" style="2" customWidth="1"/>
    <col min="13061" max="13061" width="8.453125" style="2" customWidth="1"/>
    <col min="13062" max="13062" width="16.453125" style="2" customWidth="1"/>
    <col min="13063" max="13063" width="17.453125" style="2" customWidth="1"/>
    <col min="13064" max="13064" width="9.7265625" style="2" customWidth="1"/>
    <col min="13065" max="13065" width="9.90625" style="2" customWidth="1"/>
    <col min="13066" max="13066" width="9" style="2"/>
    <col min="13067" max="13067" width="7.36328125" style="2" customWidth="1"/>
    <col min="13068" max="13068" width="5.26953125" style="2" customWidth="1"/>
    <col min="13069" max="13314" width="9" style="2"/>
    <col min="13315" max="13315" width="13.26953125" style="2" customWidth="1"/>
    <col min="13316" max="13316" width="17.08984375" style="2" customWidth="1"/>
    <col min="13317" max="13317" width="8.453125" style="2" customWidth="1"/>
    <col min="13318" max="13318" width="16.453125" style="2" customWidth="1"/>
    <col min="13319" max="13319" width="17.453125" style="2" customWidth="1"/>
    <col min="13320" max="13320" width="9.7265625" style="2" customWidth="1"/>
    <col min="13321" max="13321" width="9.90625" style="2" customWidth="1"/>
    <col min="13322" max="13322" width="9" style="2"/>
    <col min="13323" max="13323" width="7.36328125" style="2" customWidth="1"/>
    <col min="13324" max="13324" width="5.26953125" style="2" customWidth="1"/>
    <col min="13325" max="13570" width="9" style="2"/>
    <col min="13571" max="13571" width="13.26953125" style="2" customWidth="1"/>
    <col min="13572" max="13572" width="17.08984375" style="2" customWidth="1"/>
    <col min="13573" max="13573" width="8.453125" style="2" customWidth="1"/>
    <col min="13574" max="13574" width="16.453125" style="2" customWidth="1"/>
    <col min="13575" max="13575" width="17.453125" style="2" customWidth="1"/>
    <col min="13576" max="13576" width="9.7265625" style="2" customWidth="1"/>
    <col min="13577" max="13577" width="9.90625" style="2" customWidth="1"/>
    <col min="13578" max="13578" width="9" style="2"/>
    <col min="13579" max="13579" width="7.36328125" style="2" customWidth="1"/>
    <col min="13580" max="13580" width="5.26953125" style="2" customWidth="1"/>
    <col min="13581" max="13826" width="9" style="2"/>
    <col min="13827" max="13827" width="13.26953125" style="2" customWidth="1"/>
    <col min="13828" max="13828" width="17.08984375" style="2" customWidth="1"/>
    <col min="13829" max="13829" width="8.453125" style="2" customWidth="1"/>
    <col min="13830" max="13830" width="16.453125" style="2" customWidth="1"/>
    <col min="13831" max="13831" width="17.453125" style="2" customWidth="1"/>
    <col min="13832" max="13832" width="9.7265625" style="2" customWidth="1"/>
    <col min="13833" max="13833" width="9.90625" style="2" customWidth="1"/>
    <col min="13834" max="13834" width="9" style="2"/>
    <col min="13835" max="13835" width="7.36328125" style="2" customWidth="1"/>
    <col min="13836" max="13836" width="5.26953125" style="2" customWidth="1"/>
    <col min="13837" max="14082" width="9" style="2"/>
    <col min="14083" max="14083" width="13.26953125" style="2" customWidth="1"/>
    <col min="14084" max="14084" width="17.08984375" style="2" customWidth="1"/>
    <col min="14085" max="14085" width="8.453125" style="2" customWidth="1"/>
    <col min="14086" max="14086" width="16.453125" style="2" customWidth="1"/>
    <col min="14087" max="14087" width="17.453125" style="2" customWidth="1"/>
    <col min="14088" max="14088" width="9.7265625" style="2" customWidth="1"/>
    <col min="14089" max="14089" width="9.90625" style="2" customWidth="1"/>
    <col min="14090" max="14090" width="9" style="2"/>
    <col min="14091" max="14091" width="7.36328125" style="2" customWidth="1"/>
    <col min="14092" max="14092" width="5.26953125" style="2" customWidth="1"/>
    <col min="14093" max="14338" width="9" style="2"/>
    <col min="14339" max="14339" width="13.26953125" style="2" customWidth="1"/>
    <col min="14340" max="14340" width="17.08984375" style="2" customWidth="1"/>
    <col min="14341" max="14341" width="8.453125" style="2" customWidth="1"/>
    <col min="14342" max="14342" width="16.453125" style="2" customWidth="1"/>
    <col min="14343" max="14343" width="17.453125" style="2" customWidth="1"/>
    <col min="14344" max="14344" width="9.7265625" style="2" customWidth="1"/>
    <col min="14345" max="14345" width="9.90625" style="2" customWidth="1"/>
    <col min="14346" max="14346" width="9" style="2"/>
    <col min="14347" max="14347" width="7.36328125" style="2" customWidth="1"/>
    <col min="14348" max="14348" width="5.26953125" style="2" customWidth="1"/>
    <col min="14349" max="14594" width="9" style="2"/>
    <col min="14595" max="14595" width="13.26953125" style="2" customWidth="1"/>
    <col min="14596" max="14596" width="17.08984375" style="2" customWidth="1"/>
    <col min="14597" max="14597" width="8.453125" style="2" customWidth="1"/>
    <col min="14598" max="14598" width="16.453125" style="2" customWidth="1"/>
    <col min="14599" max="14599" width="17.453125" style="2" customWidth="1"/>
    <col min="14600" max="14600" width="9.7265625" style="2" customWidth="1"/>
    <col min="14601" max="14601" width="9.90625" style="2" customWidth="1"/>
    <col min="14602" max="14602" width="9" style="2"/>
    <col min="14603" max="14603" width="7.36328125" style="2" customWidth="1"/>
    <col min="14604" max="14604" width="5.26953125" style="2" customWidth="1"/>
    <col min="14605" max="14850" width="9" style="2"/>
    <col min="14851" max="14851" width="13.26953125" style="2" customWidth="1"/>
    <col min="14852" max="14852" width="17.08984375" style="2" customWidth="1"/>
    <col min="14853" max="14853" width="8.453125" style="2" customWidth="1"/>
    <col min="14854" max="14854" width="16.453125" style="2" customWidth="1"/>
    <col min="14855" max="14855" width="17.453125" style="2" customWidth="1"/>
    <col min="14856" max="14856" width="9.7265625" style="2" customWidth="1"/>
    <col min="14857" max="14857" width="9.90625" style="2" customWidth="1"/>
    <col min="14858" max="14858" width="9" style="2"/>
    <col min="14859" max="14859" width="7.36328125" style="2" customWidth="1"/>
    <col min="14860" max="14860" width="5.26953125" style="2" customWidth="1"/>
    <col min="14861" max="15106" width="9" style="2"/>
    <col min="15107" max="15107" width="13.26953125" style="2" customWidth="1"/>
    <col min="15108" max="15108" width="17.08984375" style="2" customWidth="1"/>
    <col min="15109" max="15109" width="8.453125" style="2" customWidth="1"/>
    <col min="15110" max="15110" width="16.453125" style="2" customWidth="1"/>
    <col min="15111" max="15111" width="17.453125" style="2" customWidth="1"/>
    <col min="15112" max="15112" width="9.7265625" style="2" customWidth="1"/>
    <col min="15113" max="15113" width="9.90625" style="2" customWidth="1"/>
    <col min="15114" max="15114" width="9" style="2"/>
    <col min="15115" max="15115" width="7.36328125" style="2" customWidth="1"/>
    <col min="15116" max="15116" width="5.26953125" style="2" customWidth="1"/>
    <col min="15117" max="15362" width="9" style="2"/>
    <col min="15363" max="15363" width="13.26953125" style="2" customWidth="1"/>
    <col min="15364" max="15364" width="17.08984375" style="2" customWidth="1"/>
    <col min="15365" max="15365" width="8.453125" style="2" customWidth="1"/>
    <col min="15366" max="15366" width="16.453125" style="2" customWidth="1"/>
    <col min="15367" max="15367" width="17.453125" style="2" customWidth="1"/>
    <col min="15368" max="15368" width="9.7265625" style="2" customWidth="1"/>
    <col min="15369" max="15369" width="9.90625" style="2" customWidth="1"/>
    <col min="15370" max="15370" width="9" style="2"/>
    <col min="15371" max="15371" width="7.36328125" style="2" customWidth="1"/>
    <col min="15372" max="15372" width="5.26953125" style="2" customWidth="1"/>
    <col min="15373" max="15618" width="9" style="2"/>
    <col min="15619" max="15619" width="13.26953125" style="2" customWidth="1"/>
    <col min="15620" max="15620" width="17.08984375" style="2" customWidth="1"/>
    <col min="15621" max="15621" width="8.453125" style="2" customWidth="1"/>
    <col min="15622" max="15622" width="16.453125" style="2" customWidth="1"/>
    <col min="15623" max="15623" width="17.453125" style="2" customWidth="1"/>
    <col min="15624" max="15624" width="9.7265625" style="2" customWidth="1"/>
    <col min="15625" max="15625" width="9.90625" style="2" customWidth="1"/>
    <col min="15626" max="15626" width="9" style="2"/>
    <col min="15627" max="15627" width="7.36328125" style="2" customWidth="1"/>
    <col min="15628" max="15628" width="5.26953125" style="2" customWidth="1"/>
    <col min="15629" max="15874" width="9" style="2"/>
    <col min="15875" max="15875" width="13.26953125" style="2" customWidth="1"/>
    <col min="15876" max="15876" width="17.08984375" style="2" customWidth="1"/>
    <col min="15877" max="15877" width="8.453125" style="2" customWidth="1"/>
    <col min="15878" max="15878" width="16.453125" style="2" customWidth="1"/>
    <col min="15879" max="15879" width="17.453125" style="2" customWidth="1"/>
    <col min="15880" max="15880" width="9.7265625" style="2" customWidth="1"/>
    <col min="15881" max="15881" width="9.90625" style="2" customWidth="1"/>
    <col min="15882" max="15882" width="9" style="2"/>
    <col min="15883" max="15883" width="7.36328125" style="2" customWidth="1"/>
    <col min="15884" max="15884" width="5.26953125" style="2" customWidth="1"/>
    <col min="15885" max="16130" width="9" style="2"/>
    <col min="16131" max="16131" width="13.26953125" style="2" customWidth="1"/>
    <col min="16132" max="16132" width="17.08984375" style="2" customWidth="1"/>
    <col min="16133" max="16133" width="8.453125" style="2" customWidth="1"/>
    <col min="16134" max="16134" width="16.453125" style="2" customWidth="1"/>
    <col min="16135" max="16135" width="17.453125" style="2" customWidth="1"/>
    <col min="16136" max="16136" width="9.7265625" style="2" customWidth="1"/>
    <col min="16137" max="16137" width="9.90625" style="2" customWidth="1"/>
    <col min="16138" max="16138" width="9" style="2"/>
    <col min="16139" max="16139" width="7.36328125" style="2" customWidth="1"/>
    <col min="16140" max="16140" width="5.26953125" style="2" customWidth="1"/>
    <col min="16141" max="16384" width="9" style="2"/>
  </cols>
  <sheetData>
    <row r="1" spans="1:29" ht="45" customHeight="1">
      <c r="A1" s="174" t="s">
        <v>251</v>
      </c>
      <c r="B1" s="130"/>
      <c r="C1" s="130"/>
      <c r="D1" s="130"/>
      <c r="E1" s="130"/>
      <c r="F1" s="131"/>
      <c r="G1" s="29"/>
      <c r="H1" s="29" t="s">
        <v>123</v>
      </c>
      <c r="I1" s="29"/>
      <c r="J1" s="29"/>
      <c r="K1" s="29"/>
      <c r="L1" s="29"/>
      <c r="M1" s="29"/>
      <c r="N1" s="29"/>
      <c r="O1" s="29"/>
      <c r="P1" s="56"/>
      <c r="Q1" s="29"/>
      <c r="R1" s="29"/>
      <c r="S1" s="29"/>
      <c r="T1" s="29"/>
      <c r="U1" s="29"/>
      <c r="V1" s="5"/>
      <c r="W1" s="103"/>
      <c r="X1" s="103"/>
      <c r="Y1" s="103"/>
      <c r="Z1" s="103"/>
      <c r="AA1" s="103"/>
      <c r="AB1" s="103"/>
      <c r="AC1" s="103"/>
    </row>
    <row r="2" spans="1:29" ht="51" customHeight="1" thickBot="1">
      <c r="A2" s="60" t="s">
        <v>252</v>
      </c>
      <c r="B2" s="61"/>
      <c r="C2" s="61"/>
      <c r="D2" s="61"/>
      <c r="E2" s="61"/>
      <c r="F2" s="61"/>
      <c r="G2" s="61"/>
      <c r="H2" s="61"/>
      <c r="I2" s="61"/>
      <c r="J2" s="61"/>
      <c r="K2" s="61"/>
      <c r="L2" s="61"/>
      <c r="M2" s="61"/>
      <c r="N2" s="61"/>
      <c r="O2" s="61"/>
      <c r="P2" s="61"/>
      <c r="Q2" s="61"/>
      <c r="R2" s="61"/>
      <c r="S2" s="61"/>
      <c r="T2" s="61"/>
      <c r="U2" s="61"/>
      <c r="V2" s="61"/>
      <c r="W2" s="61"/>
      <c r="X2" s="61"/>
      <c r="Y2" s="61"/>
      <c r="Z2" s="61"/>
      <c r="AA2" s="61"/>
      <c r="AB2" s="61"/>
      <c r="AC2" s="61"/>
    </row>
    <row r="3" spans="1:29" ht="25.5" customHeight="1" thickBot="1">
      <c r="A3" s="145" t="s">
        <v>250</v>
      </c>
      <c r="B3" s="146"/>
      <c r="C3" s="146"/>
      <c r="D3" s="146"/>
      <c r="E3" s="146"/>
      <c r="F3" s="146"/>
      <c r="G3" s="147"/>
      <c r="H3" s="148"/>
      <c r="I3" s="149"/>
      <c r="J3" s="149"/>
      <c r="K3" s="149"/>
      <c r="L3" s="149"/>
      <c r="M3" s="149"/>
      <c r="N3" s="149"/>
      <c r="O3" s="149"/>
      <c r="P3" s="149"/>
      <c r="Q3" s="149"/>
      <c r="R3" s="149"/>
      <c r="S3" s="149"/>
      <c r="T3" s="149"/>
      <c r="U3" s="57" t="s">
        <v>249</v>
      </c>
      <c r="V3" s="58"/>
      <c r="W3" s="59"/>
      <c r="X3" s="51"/>
      <c r="Y3" s="51"/>
      <c r="Z3" s="51"/>
      <c r="AA3" s="51"/>
      <c r="AB3" s="51"/>
      <c r="AC3" s="51"/>
    </row>
    <row r="4" spans="1:29" ht="9.75" customHeight="1">
      <c r="A4" s="28"/>
      <c r="B4" s="28"/>
      <c r="C4" s="28"/>
      <c r="D4" s="28"/>
      <c r="E4" s="28"/>
      <c r="F4" s="28"/>
      <c r="G4" s="28"/>
      <c r="H4" s="28"/>
      <c r="I4" s="28"/>
      <c r="J4" s="29"/>
      <c r="K4" s="30"/>
      <c r="L4" s="5"/>
      <c r="M4" s="5"/>
      <c r="N4" s="5"/>
      <c r="O4" s="5"/>
      <c r="P4" s="5"/>
      <c r="Q4" s="5"/>
      <c r="R4" s="5"/>
      <c r="S4" s="5"/>
      <c r="T4" s="5"/>
      <c r="U4" s="5"/>
      <c r="V4" s="5"/>
      <c r="W4" s="5"/>
      <c r="X4" s="5"/>
      <c r="Y4" s="5"/>
      <c r="Z4" s="5"/>
      <c r="AA4" s="5"/>
      <c r="AB4" s="5"/>
      <c r="AC4" s="5"/>
    </row>
    <row r="5" spans="1:29" ht="14.25" customHeight="1">
      <c r="A5" s="46" t="s">
        <v>0</v>
      </c>
      <c r="B5" s="106"/>
      <c r="C5" s="106"/>
      <c r="D5" s="106"/>
      <c r="E5" s="106"/>
      <c r="F5" s="106"/>
      <c r="G5" s="106"/>
      <c r="H5" s="106"/>
      <c r="I5" s="106"/>
      <c r="J5" s="106"/>
      <c r="K5" s="106"/>
      <c r="L5" s="106"/>
      <c r="M5" s="106"/>
      <c r="N5" s="106"/>
      <c r="O5" s="106"/>
      <c r="P5" s="106"/>
      <c r="Q5" s="106"/>
      <c r="R5" s="118" t="s">
        <v>8</v>
      </c>
      <c r="S5" s="118"/>
      <c r="T5" s="119"/>
      <c r="U5" s="115"/>
      <c r="V5" s="116"/>
      <c r="W5" s="3" t="s">
        <v>14</v>
      </c>
      <c r="X5" s="114"/>
      <c r="Y5" s="114"/>
      <c r="Z5" s="3" t="s">
        <v>13</v>
      </c>
      <c r="AA5" s="114"/>
      <c r="AB5" s="114"/>
      <c r="AC5" s="4" t="s">
        <v>12</v>
      </c>
    </row>
    <row r="6" spans="1:29" ht="36" customHeight="1">
      <c r="A6" s="39" t="s">
        <v>1</v>
      </c>
      <c r="B6" s="107"/>
      <c r="C6" s="107"/>
      <c r="D6" s="107"/>
      <c r="E6" s="107"/>
      <c r="F6" s="107"/>
      <c r="G6" s="107"/>
      <c r="H6" s="107"/>
      <c r="I6" s="107"/>
      <c r="J6" s="107"/>
      <c r="K6" s="107"/>
      <c r="L6" s="107"/>
      <c r="M6" s="107"/>
      <c r="N6" s="107"/>
      <c r="O6" s="107"/>
      <c r="P6" s="107"/>
      <c r="Q6" s="107"/>
      <c r="R6" s="34" t="s">
        <v>20</v>
      </c>
      <c r="S6" s="5"/>
      <c r="T6" s="5"/>
      <c r="U6" s="122"/>
      <c r="V6" s="122"/>
      <c r="W6" s="122"/>
      <c r="X6" s="122"/>
      <c r="Y6" s="122"/>
      <c r="Z6" s="122"/>
      <c r="AA6" s="122"/>
      <c r="AB6" s="122"/>
      <c r="AC6" s="123"/>
    </row>
    <row r="7" spans="1:29" ht="14.25" customHeight="1">
      <c r="A7" s="46" t="s">
        <v>0</v>
      </c>
      <c r="B7" s="108"/>
      <c r="C7" s="108"/>
      <c r="D7" s="108"/>
      <c r="E7" s="108"/>
      <c r="F7" s="108"/>
      <c r="G7" s="108"/>
      <c r="H7" s="108"/>
      <c r="I7" s="108"/>
      <c r="J7" s="108"/>
      <c r="K7" s="108"/>
      <c r="L7" s="108"/>
      <c r="M7" s="108"/>
      <c r="N7" s="108"/>
      <c r="O7" s="108"/>
      <c r="P7" s="108"/>
      <c r="Q7" s="108"/>
      <c r="R7" s="121"/>
      <c r="S7" s="122"/>
      <c r="T7" s="122"/>
      <c r="U7" s="122"/>
      <c r="V7" s="122"/>
      <c r="W7" s="122"/>
      <c r="X7" s="122"/>
      <c r="Y7" s="122"/>
      <c r="Z7" s="122"/>
      <c r="AA7" s="122"/>
      <c r="AB7" s="122"/>
      <c r="AC7" s="123"/>
    </row>
    <row r="8" spans="1:29" ht="36" customHeight="1">
      <c r="A8" s="41" t="s">
        <v>2</v>
      </c>
      <c r="B8" s="109"/>
      <c r="C8" s="109"/>
      <c r="D8" s="109"/>
      <c r="E8" s="109"/>
      <c r="F8" s="109"/>
      <c r="G8" s="109"/>
      <c r="H8" s="109"/>
      <c r="I8" s="109"/>
      <c r="J8" s="109"/>
      <c r="K8" s="109"/>
      <c r="L8" s="109"/>
      <c r="M8" s="109"/>
      <c r="N8" s="109"/>
      <c r="O8" s="109"/>
      <c r="P8" s="109"/>
      <c r="Q8" s="109"/>
      <c r="R8" s="121"/>
      <c r="S8" s="122"/>
      <c r="T8" s="122"/>
      <c r="U8" s="122"/>
      <c r="V8" s="122"/>
      <c r="W8" s="122"/>
      <c r="X8" s="122"/>
      <c r="Y8" s="122"/>
      <c r="Z8" s="122"/>
      <c r="AA8" s="122"/>
      <c r="AB8" s="122"/>
      <c r="AC8" s="123"/>
    </row>
    <row r="9" spans="1:29" ht="30.75" customHeight="1">
      <c r="A9" s="40" t="s">
        <v>6</v>
      </c>
      <c r="B9" s="134"/>
      <c r="C9" s="135"/>
      <c r="D9" s="135"/>
      <c r="E9" s="135"/>
      <c r="F9" s="135"/>
      <c r="G9" s="136"/>
      <c r="H9" s="120" t="s">
        <v>71</v>
      </c>
      <c r="I9" s="82"/>
      <c r="J9" s="82"/>
      <c r="K9" s="83"/>
      <c r="L9" s="110"/>
      <c r="M9" s="110"/>
      <c r="N9" s="110"/>
      <c r="O9" s="110"/>
      <c r="P9" s="110"/>
      <c r="Q9" s="111"/>
      <c r="R9" s="121"/>
      <c r="S9" s="122"/>
      <c r="T9" s="122"/>
      <c r="U9" s="122"/>
      <c r="V9" s="122"/>
      <c r="W9" s="122"/>
      <c r="X9" s="122"/>
      <c r="Y9" s="122"/>
      <c r="Z9" s="122"/>
      <c r="AA9" s="122"/>
      <c r="AB9" s="122"/>
      <c r="AC9" s="123"/>
    </row>
    <row r="10" spans="1:29" ht="30.75" customHeight="1">
      <c r="A10" s="40" t="s">
        <v>7</v>
      </c>
      <c r="B10" s="104"/>
      <c r="C10" s="104"/>
      <c r="D10" s="104"/>
      <c r="E10" s="105"/>
      <c r="F10" s="32" t="s">
        <v>3</v>
      </c>
      <c r="G10" s="33"/>
      <c r="H10" s="117" t="s">
        <v>4</v>
      </c>
      <c r="I10" s="117"/>
      <c r="J10" s="117"/>
      <c r="K10" s="117"/>
      <c r="L10" s="112"/>
      <c r="M10" s="112"/>
      <c r="N10" s="112"/>
      <c r="O10" s="112"/>
      <c r="P10" s="113"/>
      <c r="Q10" s="7" t="s">
        <v>3</v>
      </c>
      <c r="R10" s="121"/>
      <c r="S10" s="122"/>
      <c r="T10" s="122"/>
      <c r="U10" s="122"/>
      <c r="V10" s="122"/>
      <c r="W10" s="122"/>
      <c r="X10" s="122"/>
      <c r="Y10" s="122"/>
      <c r="Z10" s="122"/>
      <c r="AA10" s="122"/>
      <c r="AB10" s="122"/>
      <c r="AC10" s="123"/>
    </row>
    <row r="11" spans="1:29" ht="30.75" customHeight="1">
      <c r="A11" s="40" t="s">
        <v>113</v>
      </c>
      <c r="B11" s="137"/>
      <c r="C11" s="138"/>
      <c r="D11" s="138"/>
      <c r="E11" s="138"/>
      <c r="F11" s="138"/>
      <c r="G11" s="139"/>
      <c r="H11" s="140" t="s">
        <v>114</v>
      </c>
      <c r="I11" s="141"/>
      <c r="J11" s="141"/>
      <c r="K11" s="142"/>
      <c r="L11" s="143"/>
      <c r="M11" s="144"/>
      <c r="N11" s="144"/>
      <c r="O11" s="144"/>
      <c r="P11" s="144"/>
      <c r="Q11" s="7" t="s">
        <v>94</v>
      </c>
      <c r="R11" s="121"/>
      <c r="S11" s="122"/>
      <c r="T11" s="122"/>
      <c r="U11" s="122"/>
      <c r="V11" s="122"/>
      <c r="W11" s="122"/>
      <c r="X11" s="122"/>
      <c r="Y11" s="122"/>
      <c r="Z11" s="122"/>
      <c r="AA11" s="122"/>
      <c r="AB11" s="122"/>
      <c r="AC11" s="123"/>
    </row>
    <row r="12" spans="1:29" ht="30.75" customHeight="1">
      <c r="A12" s="40" t="s">
        <v>115</v>
      </c>
      <c r="B12" s="134"/>
      <c r="C12" s="135"/>
      <c r="D12" s="135"/>
      <c r="E12" s="135" t="s">
        <v>95</v>
      </c>
      <c r="F12" s="135"/>
      <c r="G12" s="136"/>
      <c r="H12" s="127" t="s">
        <v>111</v>
      </c>
      <c r="I12" s="127"/>
      <c r="J12" s="127"/>
      <c r="K12" s="127"/>
      <c r="L12" s="113"/>
      <c r="M12" s="110"/>
      <c r="N12" s="110"/>
      <c r="O12" s="110"/>
      <c r="P12" s="110"/>
      <c r="Q12" s="111"/>
      <c r="R12" s="121"/>
      <c r="S12" s="122"/>
      <c r="T12" s="122"/>
      <c r="U12" s="122"/>
      <c r="V12" s="122"/>
      <c r="W12" s="122"/>
      <c r="X12" s="122"/>
      <c r="Y12" s="122"/>
      <c r="Z12" s="122"/>
      <c r="AA12" s="122"/>
      <c r="AB12" s="122"/>
      <c r="AC12" s="123"/>
    </row>
    <row r="13" spans="1:29" ht="30.75" customHeight="1">
      <c r="A13" s="40" t="s">
        <v>110</v>
      </c>
      <c r="B13" s="128"/>
      <c r="C13" s="129"/>
      <c r="D13" s="129"/>
      <c r="E13" s="129"/>
      <c r="F13" s="129"/>
      <c r="G13" s="129"/>
      <c r="H13" s="133" t="s">
        <v>19</v>
      </c>
      <c r="I13" s="110"/>
      <c r="J13" s="110"/>
      <c r="K13" s="110"/>
      <c r="L13" s="110"/>
      <c r="M13" s="110"/>
      <c r="N13" s="110"/>
      <c r="O13" s="110"/>
      <c r="P13" s="110"/>
      <c r="Q13" s="111"/>
      <c r="R13" s="121"/>
      <c r="S13" s="122"/>
      <c r="T13" s="122"/>
      <c r="U13" s="122"/>
      <c r="V13" s="122"/>
      <c r="W13" s="122"/>
      <c r="X13" s="122"/>
      <c r="Y13" s="122"/>
      <c r="Z13" s="122"/>
      <c r="AA13" s="122"/>
      <c r="AB13" s="122"/>
      <c r="AC13" s="123"/>
    </row>
    <row r="14" spans="1:29" ht="30.75" customHeight="1">
      <c r="A14" s="40" t="s">
        <v>112</v>
      </c>
      <c r="B14" s="92"/>
      <c r="C14" s="93"/>
      <c r="D14" s="93"/>
      <c r="E14" s="93"/>
      <c r="F14" s="93"/>
      <c r="G14" s="94"/>
      <c r="H14" s="115"/>
      <c r="I14" s="116"/>
      <c r="J14" s="116"/>
      <c r="K14" s="116"/>
      <c r="L14" s="116"/>
      <c r="M14" s="116"/>
      <c r="N14" s="116"/>
      <c r="O14" s="116"/>
      <c r="P14" s="116"/>
      <c r="Q14" s="132"/>
      <c r="R14" s="124"/>
      <c r="S14" s="125"/>
      <c r="T14" s="125"/>
      <c r="U14" s="125"/>
      <c r="V14" s="125"/>
      <c r="W14" s="125"/>
      <c r="X14" s="125"/>
      <c r="Y14" s="125"/>
      <c r="Z14" s="125"/>
      <c r="AA14" s="125"/>
      <c r="AB14" s="125"/>
      <c r="AC14" s="126"/>
    </row>
    <row r="15" spans="1:29" ht="81.75" customHeight="1">
      <c r="A15" s="62" t="s">
        <v>92</v>
      </c>
      <c r="B15" s="39" t="s">
        <v>93</v>
      </c>
      <c r="C15" s="90"/>
      <c r="D15" s="91"/>
      <c r="E15" s="91"/>
      <c r="F15" s="91"/>
      <c r="G15" s="91"/>
      <c r="H15" s="91"/>
      <c r="I15" s="91"/>
      <c r="J15" s="91"/>
      <c r="K15" s="91"/>
      <c r="L15" s="91"/>
      <c r="M15" s="91"/>
      <c r="N15" s="91"/>
      <c r="O15" s="91"/>
      <c r="P15" s="91"/>
      <c r="Q15" s="91"/>
      <c r="R15" s="91"/>
      <c r="S15" s="91"/>
      <c r="T15" s="91"/>
      <c r="U15" s="91"/>
      <c r="V15" s="91"/>
      <c r="W15" s="91"/>
      <c r="X15" s="91"/>
      <c r="Y15" s="91"/>
      <c r="Z15" s="91"/>
      <c r="AA15" s="91"/>
      <c r="AB15" s="91"/>
      <c r="AC15" s="31">
        <f>LEN(C15)</f>
        <v>0</v>
      </c>
    </row>
    <row r="16" spans="1:29" ht="30.75" customHeight="1">
      <c r="A16" s="63"/>
      <c r="B16" s="40" t="s">
        <v>116</v>
      </c>
      <c r="C16" s="74"/>
      <c r="D16" s="75"/>
      <c r="E16" s="75"/>
      <c r="F16" s="75"/>
      <c r="G16" s="75"/>
      <c r="H16" s="75"/>
      <c r="I16" s="75"/>
      <c r="J16" s="75"/>
      <c r="K16" s="75"/>
      <c r="L16" s="75"/>
      <c r="M16" s="75"/>
      <c r="N16" s="75"/>
      <c r="O16" s="75"/>
      <c r="P16" s="75"/>
      <c r="Q16" s="75"/>
      <c r="R16" s="75"/>
      <c r="S16" s="75"/>
      <c r="T16" s="75"/>
      <c r="U16" s="75"/>
      <c r="V16" s="75"/>
      <c r="W16" s="75"/>
      <c r="X16" s="75"/>
      <c r="Y16" s="75"/>
      <c r="Z16" s="75"/>
      <c r="AA16" s="75"/>
      <c r="AB16" s="75"/>
      <c r="AC16" s="76"/>
    </row>
    <row r="17" spans="1:29" ht="30.75" customHeight="1">
      <c r="A17" s="63"/>
      <c r="B17" s="40" t="s">
        <v>122</v>
      </c>
      <c r="C17" s="74"/>
      <c r="D17" s="75"/>
      <c r="E17" s="75"/>
      <c r="F17" s="75"/>
      <c r="G17" s="75"/>
      <c r="H17" s="75"/>
      <c r="I17" s="75"/>
      <c r="J17" s="75"/>
      <c r="K17" s="75"/>
      <c r="L17" s="75"/>
      <c r="M17" s="75"/>
      <c r="N17" s="75"/>
      <c r="O17" s="75"/>
      <c r="P17" s="75"/>
      <c r="Q17" s="75"/>
      <c r="R17" s="75"/>
      <c r="S17" s="75"/>
      <c r="T17" s="75"/>
      <c r="U17" s="75"/>
      <c r="V17" s="75"/>
      <c r="W17" s="75"/>
      <c r="X17" s="75"/>
      <c r="Y17" s="75"/>
      <c r="Z17" s="75"/>
      <c r="AA17" s="75"/>
      <c r="AB17" s="75"/>
      <c r="AC17" s="76"/>
    </row>
    <row r="18" spans="1:29" ht="30.75" customHeight="1">
      <c r="A18" s="63"/>
      <c r="B18" s="40" t="s">
        <v>121</v>
      </c>
      <c r="C18" s="74"/>
      <c r="D18" s="75"/>
      <c r="E18" s="75"/>
      <c r="F18" s="75"/>
      <c r="G18" s="75"/>
      <c r="H18" s="75"/>
      <c r="I18" s="75"/>
      <c r="J18" s="75"/>
      <c r="K18" s="75"/>
      <c r="L18" s="75"/>
      <c r="M18" s="75"/>
      <c r="N18" s="75"/>
      <c r="O18" s="75"/>
      <c r="P18" s="75"/>
      <c r="Q18" s="75"/>
      <c r="R18" s="75"/>
      <c r="S18" s="75"/>
      <c r="T18" s="75"/>
      <c r="U18" s="75"/>
      <c r="V18" s="75"/>
      <c r="W18" s="75"/>
      <c r="X18" s="75"/>
      <c r="Y18" s="75"/>
      <c r="Z18" s="75"/>
      <c r="AA18" s="75"/>
      <c r="AB18" s="75"/>
      <c r="AC18" s="76"/>
    </row>
    <row r="19" spans="1:29" ht="44.25" customHeight="1">
      <c r="A19" s="63"/>
      <c r="B19" s="40" t="s">
        <v>117</v>
      </c>
      <c r="C19" s="74"/>
      <c r="D19" s="75"/>
      <c r="E19" s="75"/>
      <c r="F19" s="75"/>
      <c r="G19" s="75"/>
      <c r="H19" s="75"/>
      <c r="I19" s="75"/>
      <c r="J19" s="75"/>
      <c r="K19" s="75"/>
      <c r="L19" s="75"/>
      <c r="M19" s="75"/>
      <c r="N19" s="75"/>
      <c r="O19" s="75"/>
      <c r="P19" s="75"/>
      <c r="Q19" s="75"/>
      <c r="R19" s="75"/>
      <c r="S19" s="75"/>
      <c r="T19" s="75"/>
      <c r="U19" s="75"/>
      <c r="V19" s="75"/>
      <c r="W19" s="75"/>
      <c r="X19" s="75"/>
      <c r="Y19" s="75"/>
      <c r="Z19" s="75"/>
      <c r="AA19" s="75"/>
      <c r="AB19" s="75"/>
      <c r="AC19" s="76"/>
    </row>
    <row r="20" spans="1:29" ht="28.5" customHeight="1">
      <c r="A20" s="63"/>
      <c r="B20" s="62" t="s">
        <v>81</v>
      </c>
      <c r="C20" s="97"/>
      <c r="D20" s="98"/>
      <c r="E20" s="98"/>
      <c r="F20" s="98"/>
      <c r="G20" s="98"/>
      <c r="H20" s="98"/>
      <c r="I20" s="98"/>
      <c r="J20" s="98"/>
      <c r="K20" s="98"/>
      <c r="L20" s="98"/>
      <c r="M20" s="98"/>
      <c r="N20" s="99"/>
      <c r="O20" s="82" t="s">
        <v>21</v>
      </c>
      <c r="P20" s="82"/>
      <c r="Q20" s="82"/>
      <c r="R20" s="82"/>
      <c r="S20" s="82"/>
      <c r="T20" s="82"/>
      <c r="U20" s="82"/>
      <c r="V20" s="82"/>
      <c r="W20" s="82"/>
      <c r="X20" s="82"/>
      <c r="Y20" s="82"/>
      <c r="Z20" s="82"/>
      <c r="AA20" s="82"/>
      <c r="AB20" s="82"/>
      <c r="AC20" s="83"/>
    </row>
    <row r="21" spans="1:29" ht="7.5" customHeight="1">
      <c r="A21" s="63"/>
      <c r="B21" s="95"/>
      <c r="C21" s="100"/>
      <c r="D21" s="101"/>
      <c r="E21" s="101"/>
      <c r="F21" s="101"/>
      <c r="G21" s="101"/>
      <c r="H21" s="101"/>
      <c r="I21" s="101"/>
      <c r="J21" s="101"/>
      <c r="K21" s="101"/>
      <c r="L21" s="101"/>
      <c r="M21" s="101"/>
      <c r="N21" s="102"/>
      <c r="O21" s="5"/>
      <c r="P21" s="5"/>
      <c r="Q21" s="5"/>
      <c r="R21" s="5"/>
      <c r="S21" s="5"/>
      <c r="T21" s="5"/>
      <c r="U21" s="5"/>
      <c r="V21" s="5"/>
      <c r="W21" s="5"/>
      <c r="X21" s="5"/>
      <c r="Y21" s="5"/>
      <c r="Z21" s="5"/>
      <c r="AA21" s="5"/>
      <c r="AB21" s="5"/>
      <c r="AC21" s="24"/>
    </row>
    <row r="22" spans="1:29" ht="30.75" customHeight="1">
      <c r="A22" s="63"/>
      <c r="B22" s="95"/>
      <c r="C22" s="100"/>
      <c r="D22" s="101"/>
      <c r="E22" s="101"/>
      <c r="F22" s="101"/>
      <c r="G22" s="101"/>
      <c r="H22" s="101"/>
      <c r="I22" s="101"/>
      <c r="J22" s="101"/>
      <c r="K22" s="101"/>
      <c r="L22" s="101"/>
      <c r="M22" s="101"/>
      <c r="N22" s="102"/>
      <c r="O22" s="5"/>
      <c r="P22" s="52"/>
      <c r="Q22" s="5" t="s">
        <v>22</v>
      </c>
      <c r="R22" s="5"/>
      <c r="S22" s="52"/>
      <c r="T22" s="5" t="s">
        <v>23</v>
      </c>
      <c r="U22" s="5"/>
      <c r="V22" s="52"/>
      <c r="W22" s="5" t="s">
        <v>24</v>
      </c>
      <c r="X22" s="35"/>
      <c r="Y22" s="5"/>
      <c r="Z22" s="52"/>
      <c r="AA22" s="5" t="s">
        <v>26</v>
      </c>
      <c r="AB22" s="5"/>
      <c r="AC22" s="24"/>
    </row>
    <row r="23" spans="1:29" ht="30.75" customHeight="1">
      <c r="A23" s="63"/>
      <c r="B23" s="95"/>
      <c r="C23" s="100"/>
      <c r="D23" s="101"/>
      <c r="E23" s="101"/>
      <c r="F23" s="101"/>
      <c r="G23" s="101"/>
      <c r="H23" s="101"/>
      <c r="I23" s="101"/>
      <c r="J23" s="101"/>
      <c r="K23" s="101"/>
      <c r="L23" s="101"/>
      <c r="M23" s="101"/>
      <c r="N23" s="102"/>
      <c r="O23" s="5"/>
      <c r="P23" s="52"/>
      <c r="Q23" s="5" t="s">
        <v>25</v>
      </c>
      <c r="R23" s="5"/>
      <c r="S23" s="52"/>
      <c r="T23" s="5" t="s">
        <v>90</v>
      </c>
      <c r="U23" s="5"/>
      <c r="V23" s="52"/>
      <c r="W23" s="5" t="s">
        <v>27</v>
      </c>
      <c r="X23" s="5"/>
      <c r="Y23" s="5"/>
      <c r="Z23" s="52"/>
      <c r="AA23" s="5" t="s">
        <v>28</v>
      </c>
      <c r="AB23" s="5"/>
      <c r="AC23" s="24"/>
    </row>
    <row r="24" spans="1:29" ht="30.75" customHeight="1">
      <c r="A24" s="63"/>
      <c r="B24" s="96"/>
      <c r="C24" s="100"/>
      <c r="D24" s="101"/>
      <c r="E24" s="101"/>
      <c r="F24" s="101"/>
      <c r="G24" s="101"/>
      <c r="H24" s="101"/>
      <c r="I24" s="101"/>
      <c r="J24" s="101"/>
      <c r="K24" s="101"/>
      <c r="L24" s="101"/>
      <c r="M24" s="101"/>
      <c r="N24" s="102"/>
      <c r="O24" s="5"/>
      <c r="P24" s="52"/>
      <c r="Q24" s="5" t="s">
        <v>29</v>
      </c>
      <c r="R24" s="5"/>
      <c r="S24" s="52"/>
      <c r="T24" s="5" t="s">
        <v>30</v>
      </c>
      <c r="U24" s="5"/>
      <c r="V24" s="52"/>
      <c r="W24" s="5" t="s">
        <v>31</v>
      </c>
      <c r="X24" s="5"/>
      <c r="Y24" s="5"/>
      <c r="Z24" s="52"/>
      <c r="AA24" s="5" t="s">
        <v>33</v>
      </c>
      <c r="AB24" s="5"/>
      <c r="AC24" s="24"/>
    </row>
    <row r="25" spans="1:29" ht="30.75" customHeight="1">
      <c r="A25" s="63"/>
      <c r="B25" s="42" t="s">
        <v>5</v>
      </c>
      <c r="C25" s="87"/>
      <c r="D25" s="88"/>
      <c r="E25" s="88"/>
      <c r="F25" s="88"/>
      <c r="G25" s="89"/>
      <c r="H25" s="65" t="s">
        <v>45</v>
      </c>
      <c r="I25" s="66"/>
      <c r="J25" s="66"/>
      <c r="K25" s="66"/>
      <c r="L25" s="66"/>
      <c r="M25" s="66"/>
      <c r="N25" s="67"/>
      <c r="O25" s="5"/>
      <c r="P25" s="52"/>
      <c r="Q25" s="5" t="s">
        <v>32</v>
      </c>
      <c r="R25" s="5"/>
      <c r="S25" s="53"/>
      <c r="T25" s="5" t="s">
        <v>89</v>
      </c>
      <c r="U25" s="35"/>
      <c r="V25" s="54"/>
      <c r="W25" s="5" t="s">
        <v>35</v>
      </c>
      <c r="X25" s="35"/>
      <c r="Y25" s="5"/>
      <c r="Z25" s="54"/>
      <c r="AA25" s="5" t="s">
        <v>34</v>
      </c>
      <c r="AB25" s="5"/>
      <c r="AC25" s="24"/>
    </row>
    <row r="26" spans="1:29" ht="30.75" customHeight="1">
      <c r="A26" s="63"/>
      <c r="B26" s="40" t="s">
        <v>10</v>
      </c>
      <c r="C26" s="150"/>
      <c r="D26" s="151"/>
      <c r="E26" s="151"/>
      <c r="F26" s="151"/>
      <c r="G26" s="151"/>
      <c r="H26" s="152"/>
      <c r="I26" s="153"/>
      <c r="J26" s="154"/>
      <c r="K26" s="154"/>
      <c r="L26" s="154"/>
      <c r="M26" s="154"/>
      <c r="N26" s="155"/>
      <c r="O26" s="5"/>
      <c r="P26" s="52"/>
      <c r="Q26" s="5" t="s">
        <v>36</v>
      </c>
      <c r="R26" s="5"/>
      <c r="S26" s="52"/>
      <c r="T26" s="5" t="s">
        <v>37</v>
      </c>
      <c r="U26" s="5"/>
      <c r="V26" s="52"/>
      <c r="W26" s="5" t="s">
        <v>38</v>
      </c>
      <c r="X26" s="5"/>
      <c r="Y26" s="35"/>
      <c r="Z26" s="54"/>
      <c r="AA26" s="5" t="s">
        <v>88</v>
      </c>
      <c r="AB26" s="5"/>
      <c r="AC26" s="24"/>
    </row>
    <row r="27" spans="1:29" ht="30.75" customHeight="1">
      <c r="A27" s="63"/>
      <c r="B27" s="43" t="s">
        <v>120</v>
      </c>
      <c r="C27" s="168"/>
      <c r="D27" s="169"/>
      <c r="E27" s="169"/>
      <c r="F27" s="169"/>
      <c r="G27" s="169"/>
      <c r="H27" s="170"/>
      <c r="I27" s="156"/>
      <c r="J27" s="157"/>
      <c r="K27" s="157"/>
      <c r="L27" s="157"/>
      <c r="M27" s="157"/>
      <c r="N27" s="158"/>
      <c r="O27" s="5"/>
      <c r="P27" s="52"/>
      <c r="Q27" s="5" t="s">
        <v>39</v>
      </c>
      <c r="R27" s="5"/>
      <c r="S27" s="52"/>
      <c r="T27" s="5" t="s">
        <v>40</v>
      </c>
      <c r="U27" s="5"/>
      <c r="V27" s="52"/>
      <c r="W27" s="5" t="s">
        <v>41</v>
      </c>
      <c r="X27" s="5"/>
      <c r="Y27" s="5"/>
      <c r="Z27" s="52"/>
      <c r="AA27" s="5" t="s">
        <v>42</v>
      </c>
      <c r="AB27" s="5"/>
      <c r="AC27" s="24"/>
    </row>
    <row r="28" spans="1:29" ht="30.75" customHeight="1">
      <c r="A28" s="63"/>
      <c r="B28" s="44" t="s">
        <v>82</v>
      </c>
      <c r="C28" s="68"/>
      <c r="D28" s="69"/>
      <c r="E28" s="69"/>
      <c r="F28" s="69"/>
      <c r="G28" s="69"/>
      <c r="H28" s="70"/>
      <c r="I28" s="156"/>
      <c r="J28" s="157"/>
      <c r="K28" s="157"/>
      <c r="L28" s="157"/>
      <c r="M28" s="157"/>
      <c r="N28" s="158"/>
      <c r="O28" s="5"/>
      <c r="P28" s="53"/>
      <c r="Q28" s="5" t="s">
        <v>87</v>
      </c>
      <c r="R28" s="5"/>
      <c r="S28" s="53"/>
      <c r="T28" s="5" t="s">
        <v>85</v>
      </c>
      <c r="U28" s="5"/>
      <c r="V28" s="54"/>
      <c r="W28" s="5" t="s">
        <v>78</v>
      </c>
      <c r="X28" s="5"/>
      <c r="Y28" s="5"/>
      <c r="Z28" s="54"/>
      <c r="AA28" s="5" t="s">
        <v>86</v>
      </c>
      <c r="AB28" s="5"/>
      <c r="AC28" s="24"/>
    </row>
    <row r="29" spans="1:29" ht="6" customHeight="1">
      <c r="A29" s="64"/>
      <c r="B29" s="45"/>
      <c r="C29" s="71"/>
      <c r="D29" s="72"/>
      <c r="E29" s="72"/>
      <c r="F29" s="72"/>
      <c r="G29" s="72"/>
      <c r="H29" s="73"/>
      <c r="I29" s="159"/>
      <c r="J29" s="160"/>
      <c r="K29" s="160"/>
      <c r="L29" s="160"/>
      <c r="M29" s="160"/>
      <c r="N29" s="161"/>
      <c r="O29" s="8"/>
      <c r="P29" s="8"/>
      <c r="Q29" s="8"/>
      <c r="R29" s="8"/>
      <c r="S29" s="8"/>
      <c r="T29" s="8"/>
      <c r="U29" s="8"/>
      <c r="V29" s="8"/>
      <c r="W29" s="8"/>
      <c r="X29" s="8"/>
      <c r="Y29" s="8"/>
      <c r="Z29" s="8"/>
      <c r="AA29" s="8"/>
      <c r="AB29" s="8"/>
      <c r="AC29" s="9"/>
    </row>
    <row r="30" spans="1:29" ht="5.25" customHeight="1">
      <c r="A30" s="63" t="s">
        <v>91</v>
      </c>
      <c r="B30" s="62" t="s">
        <v>59</v>
      </c>
      <c r="C30" s="6"/>
      <c r="D30" s="6"/>
      <c r="E30" s="6"/>
      <c r="F30" s="6"/>
      <c r="G30" s="6"/>
      <c r="H30" s="6"/>
      <c r="I30" s="6"/>
      <c r="J30" s="6"/>
      <c r="K30" s="6"/>
      <c r="L30" s="6"/>
      <c r="M30" s="6"/>
      <c r="N30" s="6"/>
      <c r="O30" s="5"/>
      <c r="P30" s="5"/>
      <c r="Q30" s="5"/>
      <c r="R30" s="5"/>
      <c r="S30" s="5"/>
      <c r="T30" s="5"/>
      <c r="U30" s="5"/>
      <c r="V30" s="5"/>
      <c r="W30" s="5"/>
      <c r="X30" s="5"/>
      <c r="Y30" s="5"/>
      <c r="Z30" s="5"/>
      <c r="AA30" s="5"/>
      <c r="AB30" s="5"/>
      <c r="AC30" s="24"/>
    </row>
    <row r="31" spans="1:29" ht="30.75" customHeight="1">
      <c r="A31" s="63"/>
      <c r="B31" s="63"/>
      <c r="C31" s="6"/>
      <c r="D31" s="55"/>
      <c r="E31" s="11" t="s">
        <v>56</v>
      </c>
      <c r="F31" s="6"/>
      <c r="G31" s="6"/>
      <c r="H31" s="6"/>
      <c r="I31" s="55"/>
      <c r="J31" s="11" t="s">
        <v>54</v>
      </c>
      <c r="K31" s="6"/>
      <c r="L31" s="6"/>
      <c r="M31" s="6"/>
      <c r="N31" s="55"/>
      <c r="O31" s="5"/>
      <c r="P31" s="5" t="s">
        <v>51</v>
      </c>
      <c r="Q31" s="5"/>
      <c r="R31" s="5"/>
      <c r="S31" s="5"/>
      <c r="T31" s="5"/>
      <c r="U31" s="5"/>
      <c r="V31" s="55"/>
      <c r="W31" s="5" t="s">
        <v>53</v>
      </c>
      <c r="X31" s="5"/>
      <c r="Y31" s="5"/>
      <c r="Z31" s="55"/>
      <c r="AA31" s="11" t="s">
        <v>55</v>
      </c>
      <c r="AB31" s="5"/>
      <c r="AC31" s="24"/>
    </row>
    <row r="32" spans="1:29" ht="30.75" customHeight="1">
      <c r="A32" s="63"/>
      <c r="B32" s="63"/>
      <c r="C32" s="6"/>
      <c r="D32" s="55"/>
      <c r="E32" s="11" t="s">
        <v>57</v>
      </c>
      <c r="F32" s="6"/>
      <c r="G32" s="6"/>
      <c r="H32" s="6"/>
      <c r="I32" s="6"/>
      <c r="J32" s="55"/>
      <c r="K32" s="5" t="s">
        <v>52</v>
      </c>
      <c r="L32" s="6"/>
      <c r="M32" s="6"/>
      <c r="N32" s="12"/>
      <c r="O32" s="5"/>
      <c r="P32" s="5"/>
      <c r="Q32" s="5"/>
      <c r="R32" s="5"/>
      <c r="S32" s="55"/>
      <c r="T32" s="5" t="s">
        <v>58</v>
      </c>
      <c r="U32" s="5"/>
      <c r="V32" s="77"/>
      <c r="W32" s="77"/>
      <c r="X32" s="77"/>
      <c r="Y32" s="77"/>
      <c r="Z32" s="77"/>
      <c r="AA32" s="77"/>
      <c r="AB32" s="77"/>
      <c r="AC32" s="78"/>
    </row>
    <row r="33" spans="1:29" ht="4.5" customHeight="1">
      <c r="A33" s="63"/>
      <c r="B33" s="64"/>
      <c r="C33" s="6"/>
      <c r="D33" s="6"/>
      <c r="E33" s="11"/>
      <c r="F33" s="6"/>
      <c r="G33" s="6"/>
      <c r="H33" s="6"/>
      <c r="I33" s="6"/>
      <c r="J33" s="6"/>
      <c r="K33" s="6"/>
      <c r="L33" s="6"/>
      <c r="M33" s="6"/>
      <c r="N33" s="6"/>
      <c r="O33" s="5"/>
      <c r="P33" s="5"/>
      <c r="Q33" s="5"/>
      <c r="R33" s="5"/>
      <c r="S33" s="5"/>
      <c r="T33" s="5"/>
      <c r="U33" s="5"/>
      <c r="V33" s="5"/>
      <c r="W33" s="5"/>
      <c r="X33" s="5"/>
      <c r="Y33" s="5"/>
      <c r="Z33" s="5"/>
      <c r="AA33" s="5"/>
      <c r="AB33" s="5"/>
      <c r="AC33" s="24"/>
    </row>
    <row r="34" spans="1:29" ht="42" customHeight="1">
      <c r="A34" s="63"/>
      <c r="B34" s="40" t="s">
        <v>60</v>
      </c>
      <c r="C34" s="162"/>
      <c r="D34" s="163"/>
      <c r="E34" s="163"/>
      <c r="F34" s="163"/>
      <c r="G34" s="163"/>
      <c r="H34" s="163"/>
      <c r="I34" s="163"/>
      <c r="J34" s="163"/>
      <c r="K34" s="163"/>
      <c r="L34" s="163"/>
      <c r="M34" s="163"/>
      <c r="N34" s="163"/>
      <c r="O34" s="163"/>
      <c r="P34" s="163"/>
      <c r="Q34" s="163"/>
      <c r="R34" s="163"/>
      <c r="S34" s="163"/>
      <c r="T34" s="163"/>
      <c r="U34" s="163"/>
      <c r="V34" s="163"/>
      <c r="W34" s="163"/>
      <c r="X34" s="163"/>
      <c r="Y34" s="163"/>
      <c r="Z34" s="163"/>
      <c r="AA34" s="163"/>
      <c r="AB34" s="163"/>
      <c r="AC34" s="164"/>
    </row>
    <row r="35" spans="1:29" ht="30.75" customHeight="1">
      <c r="A35" s="63"/>
      <c r="B35" s="38" t="s">
        <v>118</v>
      </c>
      <c r="C35" s="171"/>
      <c r="D35" s="172"/>
      <c r="E35" s="172"/>
      <c r="F35" s="172"/>
      <c r="G35" s="172"/>
      <c r="H35" s="172"/>
      <c r="I35" s="172"/>
      <c r="J35" s="172"/>
      <c r="K35" s="172"/>
      <c r="L35" s="172"/>
      <c r="M35" s="172"/>
      <c r="N35" s="172"/>
      <c r="O35" s="173"/>
      <c r="P35" s="165"/>
      <c r="Q35" s="166"/>
      <c r="R35" s="166"/>
      <c r="S35" s="166"/>
      <c r="T35" s="166"/>
      <c r="U35" s="166"/>
      <c r="V35" s="166"/>
      <c r="W35" s="166"/>
      <c r="X35" s="166"/>
      <c r="Y35" s="166"/>
      <c r="Z35" s="166"/>
      <c r="AA35" s="166"/>
      <c r="AB35" s="166"/>
      <c r="AC35" s="167"/>
    </row>
    <row r="36" spans="1:29" ht="30.75" customHeight="1">
      <c r="A36" s="63"/>
      <c r="B36" s="49" t="s">
        <v>119</v>
      </c>
      <c r="C36" s="79"/>
      <c r="D36" s="80"/>
      <c r="E36" s="80"/>
      <c r="F36" s="80"/>
      <c r="G36" s="80"/>
      <c r="H36" s="80"/>
      <c r="I36" s="80"/>
      <c r="J36" s="80"/>
      <c r="K36" s="80"/>
      <c r="L36" s="80"/>
      <c r="M36" s="80"/>
      <c r="N36" s="80"/>
      <c r="O36" s="80"/>
      <c r="P36" s="80"/>
      <c r="Q36" s="80"/>
      <c r="R36" s="80"/>
      <c r="S36" s="80"/>
      <c r="T36" s="80"/>
      <c r="U36" s="80"/>
      <c r="V36" s="80"/>
      <c r="W36" s="80"/>
      <c r="X36" s="80"/>
      <c r="Y36" s="80"/>
      <c r="Z36" s="80"/>
      <c r="AA36" s="80"/>
      <c r="AB36" s="80"/>
      <c r="AC36" s="81"/>
    </row>
    <row r="37" spans="1:29" ht="4.5" customHeight="1">
      <c r="A37" s="62" t="s">
        <v>15</v>
      </c>
      <c r="B37" s="62" t="s">
        <v>9</v>
      </c>
      <c r="C37" s="13"/>
      <c r="D37" s="14"/>
      <c r="E37" s="14"/>
      <c r="F37" s="14"/>
      <c r="G37" s="14"/>
      <c r="H37" s="14"/>
      <c r="I37" s="20"/>
      <c r="J37" s="20"/>
      <c r="K37" s="20"/>
      <c r="L37" s="23"/>
      <c r="M37" s="23"/>
      <c r="N37" s="23"/>
      <c r="O37" s="23"/>
      <c r="P37" s="23"/>
      <c r="Q37" s="23"/>
      <c r="R37" s="23"/>
      <c r="S37" s="23"/>
      <c r="T37" s="23"/>
      <c r="U37" s="23"/>
      <c r="V37" s="23"/>
      <c r="W37" s="23"/>
      <c r="X37" s="23"/>
      <c r="Y37" s="23"/>
      <c r="Z37" s="23"/>
      <c r="AA37" s="23"/>
      <c r="AB37" s="23"/>
      <c r="AC37" s="26"/>
    </row>
    <row r="38" spans="1:29" ht="30.75" customHeight="1">
      <c r="A38" s="63"/>
      <c r="B38" s="63"/>
      <c r="C38" s="21"/>
      <c r="D38" s="55"/>
      <c r="E38" s="16" t="s">
        <v>61</v>
      </c>
      <c r="F38" s="16"/>
      <c r="G38" s="16"/>
      <c r="H38" s="55"/>
      <c r="I38" s="16" t="s">
        <v>69</v>
      </c>
      <c r="J38" s="16"/>
      <c r="K38" s="15"/>
      <c r="L38" s="15"/>
      <c r="M38" s="55"/>
      <c r="N38" s="5" t="s">
        <v>70</v>
      </c>
      <c r="O38" s="5"/>
      <c r="P38" s="5"/>
      <c r="Q38" s="5"/>
      <c r="R38" s="55"/>
      <c r="S38" s="5" t="s">
        <v>62</v>
      </c>
      <c r="T38" s="5"/>
      <c r="U38" s="5"/>
      <c r="V38" s="5"/>
      <c r="W38" s="55"/>
      <c r="X38" s="5" t="s">
        <v>63</v>
      </c>
      <c r="Y38" s="5"/>
      <c r="Z38" s="5"/>
      <c r="AA38" s="5"/>
      <c r="AB38" s="5"/>
      <c r="AC38" s="24"/>
    </row>
    <row r="39" spans="1:29" ht="30.75" customHeight="1">
      <c r="A39" s="63"/>
      <c r="B39" s="63"/>
      <c r="C39" s="21"/>
      <c r="D39" s="55"/>
      <c r="E39" s="16" t="s">
        <v>64</v>
      </c>
      <c r="F39" s="16"/>
      <c r="G39" s="16"/>
      <c r="H39" s="55"/>
      <c r="I39" s="16" t="s">
        <v>65</v>
      </c>
      <c r="J39" s="16"/>
      <c r="K39" s="15"/>
      <c r="L39" s="5"/>
      <c r="M39" s="55"/>
      <c r="N39" s="5" t="s">
        <v>66</v>
      </c>
      <c r="O39" s="5"/>
      <c r="P39" s="5"/>
      <c r="Q39" s="5"/>
      <c r="R39" s="55"/>
      <c r="S39" s="5" t="s">
        <v>67</v>
      </c>
      <c r="T39" s="5"/>
      <c r="U39" s="5"/>
      <c r="V39" s="5"/>
      <c r="W39" s="55"/>
      <c r="X39" s="5" t="s">
        <v>58</v>
      </c>
      <c r="Y39" s="5"/>
      <c r="Z39" s="5"/>
      <c r="AA39" s="5"/>
      <c r="AB39" s="5"/>
      <c r="AC39" s="24"/>
    </row>
    <row r="40" spans="1:29" ht="4.5" customHeight="1">
      <c r="A40" s="63"/>
      <c r="B40" s="64"/>
      <c r="C40" s="17"/>
      <c r="D40" s="18"/>
      <c r="E40" s="18"/>
      <c r="F40" s="18"/>
      <c r="G40" s="18"/>
      <c r="H40" s="18"/>
      <c r="I40" s="18"/>
      <c r="J40" s="18"/>
      <c r="K40" s="22"/>
      <c r="L40" s="10"/>
      <c r="M40" s="48"/>
      <c r="N40" s="10"/>
      <c r="O40" s="10"/>
      <c r="P40" s="10"/>
      <c r="Q40" s="10"/>
      <c r="R40" s="10"/>
      <c r="S40" s="10"/>
      <c r="T40" s="10"/>
      <c r="U40" s="10"/>
      <c r="V40" s="10"/>
      <c r="W40" s="10"/>
      <c r="X40" s="10"/>
      <c r="Y40" s="10"/>
      <c r="Z40" s="10"/>
      <c r="AA40" s="10"/>
      <c r="AB40" s="10"/>
      <c r="AC40" s="25"/>
    </row>
    <row r="41" spans="1:29" ht="30.75" customHeight="1">
      <c r="A41" s="64"/>
      <c r="B41" s="47" t="s">
        <v>75</v>
      </c>
      <c r="C41" s="84"/>
      <c r="D41" s="85"/>
      <c r="E41" s="85"/>
      <c r="F41" s="86"/>
      <c r="G41" s="168"/>
      <c r="H41" s="169"/>
      <c r="I41" s="169"/>
      <c r="J41" s="169"/>
      <c r="K41" s="169"/>
      <c r="L41" s="169"/>
      <c r="M41" s="169"/>
      <c r="N41" s="169"/>
      <c r="O41" s="169"/>
      <c r="P41" s="169"/>
      <c r="Q41" s="169"/>
      <c r="R41" s="169"/>
      <c r="S41" s="169"/>
      <c r="T41" s="169"/>
      <c r="U41" s="169"/>
      <c r="V41" s="169"/>
      <c r="W41" s="169"/>
      <c r="X41" s="169"/>
      <c r="Y41" s="169"/>
      <c r="Z41" s="169"/>
      <c r="AA41" s="169"/>
      <c r="AB41" s="169"/>
      <c r="AC41" s="170"/>
    </row>
    <row r="42" spans="1:29" ht="6.75" customHeight="1">
      <c r="A42" s="36"/>
    </row>
    <row r="43" spans="1:29" ht="30.75" customHeight="1">
      <c r="A43" s="37"/>
    </row>
    <row r="44" spans="1:29" ht="30.75" customHeight="1">
      <c r="A44" s="37"/>
      <c r="B44" s="19"/>
    </row>
    <row r="45" spans="1:29" ht="30.75" customHeight="1">
      <c r="B45" s="2"/>
    </row>
    <row r="46" spans="1:29" ht="30.75" customHeight="1">
      <c r="B46" s="2"/>
    </row>
    <row r="47" spans="1:29" ht="30.75" customHeight="1">
      <c r="B47" s="2"/>
    </row>
    <row r="48" spans="1:29">
      <c r="B48" s="2"/>
    </row>
    <row r="49" spans="2:2">
      <c r="B49" s="2"/>
    </row>
    <row r="50" spans="2:2">
      <c r="B50" s="2"/>
    </row>
    <row r="51" spans="2:2">
      <c r="B51" s="2"/>
    </row>
    <row r="52" spans="2:2">
      <c r="B52" s="2"/>
    </row>
    <row r="53" spans="2:2">
      <c r="B53" s="2"/>
    </row>
    <row r="54" spans="2:2">
      <c r="B54" s="2"/>
    </row>
    <row r="55" spans="2:2">
      <c r="B55" s="2"/>
    </row>
    <row r="56" spans="2:2">
      <c r="B56" s="2"/>
    </row>
    <row r="57" spans="2:2">
      <c r="B57" s="2"/>
    </row>
    <row r="58" spans="2:2">
      <c r="B58" s="2"/>
    </row>
  </sheetData>
  <mergeCells count="59">
    <mergeCell ref="C26:H26"/>
    <mergeCell ref="I26:N29"/>
    <mergeCell ref="C34:AC34"/>
    <mergeCell ref="P35:AC35"/>
    <mergeCell ref="G41:AC41"/>
    <mergeCell ref="C35:O35"/>
    <mergeCell ref="C27:H27"/>
    <mergeCell ref="L12:Q12"/>
    <mergeCell ref="H12:K12"/>
    <mergeCell ref="B13:G13"/>
    <mergeCell ref="A1:F1"/>
    <mergeCell ref="H14:Q14"/>
    <mergeCell ref="H13:Q13"/>
    <mergeCell ref="B9:G9"/>
    <mergeCell ref="B11:G11"/>
    <mergeCell ref="H11:K11"/>
    <mergeCell ref="L11:P11"/>
    <mergeCell ref="E12:G12"/>
    <mergeCell ref="B12:D12"/>
    <mergeCell ref="A3:G3"/>
    <mergeCell ref="H3:T3"/>
    <mergeCell ref="W1:AC1"/>
    <mergeCell ref="B10:E10"/>
    <mergeCell ref="B5:Q5"/>
    <mergeCell ref="B6:Q6"/>
    <mergeCell ref="B7:Q7"/>
    <mergeCell ref="B8:Q8"/>
    <mergeCell ref="L9:Q9"/>
    <mergeCell ref="L10:P10"/>
    <mergeCell ref="AA5:AB5"/>
    <mergeCell ref="U5:V5"/>
    <mergeCell ref="X5:Y5"/>
    <mergeCell ref="H10:K10"/>
    <mergeCell ref="R5:T5"/>
    <mergeCell ref="H9:K9"/>
    <mergeCell ref="R7:AC14"/>
    <mergeCell ref="U6:AC6"/>
    <mergeCell ref="C15:AB15"/>
    <mergeCell ref="C16:AC16"/>
    <mergeCell ref="C19:AC19"/>
    <mergeCell ref="B14:G14"/>
    <mergeCell ref="B20:B24"/>
    <mergeCell ref="C20:N24"/>
    <mergeCell ref="U3:W3"/>
    <mergeCell ref="A2:AC2"/>
    <mergeCell ref="A37:A41"/>
    <mergeCell ref="H25:N25"/>
    <mergeCell ref="C28:H29"/>
    <mergeCell ref="C17:AC17"/>
    <mergeCell ref="C18:AC18"/>
    <mergeCell ref="V32:AC32"/>
    <mergeCell ref="C36:AC36"/>
    <mergeCell ref="B30:B33"/>
    <mergeCell ref="O20:AC20"/>
    <mergeCell ref="A30:A36"/>
    <mergeCell ref="A15:A29"/>
    <mergeCell ref="B37:B40"/>
    <mergeCell ref="C41:F41"/>
    <mergeCell ref="C25:G25"/>
  </mergeCells>
  <phoneticPr fontId="3"/>
  <dataValidations count="3">
    <dataValidation type="list" allowBlank="1" showInputMessage="1" showErrorMessage="1" sqref="WLS983039 B65535 IZ65535 SV65535 ACR65535 AMN65535 AWJ65535 BGF65535 BQB65535 BZX65535 CJT65535 CTP65535 DDL65535 DNH65535 DXD65535 EGZ65535 EQV65535 FAR65535 FKN65535 FUJ65535 GEF65535 GOB65535 GXX65535 HHT65535 HRP65535 IBL65535 ILH65535 IVD65535 JEZ65535 JOV65535 JYR65535 KIN65535 KSJ65535 LCF65535 LMB65535 LVX65535 MFT65535 MPP65535 MZL65535 NJH65535 NTD65535 OCZ65535 OMV65535 OWR65535 PGN65535 PQJ65535 QAF65535 QKB65535 QTX65535 RDT65535 RNP65535 RXL65535 SHH65535 SRD65535 TAZ65535 TKV65535 TUR65535 UEN65535 UOJ65535 UYF65535 VIB65535 VRX65535 WBT65535 WLP65535 WVL65535 B131071 IZ131071 SV131071 ACR131071 AMN131071 AWJ131071 BGF131071 BQB131071 BZX131071 CJT131071 CTP131071 DDL131071 DNH131071 DXD131071 EGZ131071 EQV131071 FAR131071 FKN131071 FUJ131071 GEF131071 GOB131071 GXX131071 HHT131071 HRP131071 IBL131071 ILH131071 IVD131071 JEZ131071 JOV131071 JYR131071 KIN131071 KSJ131071 LCF131071 LMB131071 LVX131071 MFT131071 MPP131071 MZL131071 NJH131071 NTD131071 OCZ131071 OMV131071 OWR131071 PGN131071 PQJ131071 QAF131071 QKB131071 QTX131071 RDT131071 RNP131071 RXL131071 SHH131071 SRD131071 TAZ131071 TKV131071 TUR131071 UEN131071 UOJ131071 UYF131071 VIB131071 VRX131071 WBT131071 WLP131071 WVL131071 B196607 IZ196607 SV196607 ACR196607 AMN196607 AWJ196607 BGF196607 BQB196607 BZX196607 CJT196607 CTP196607 DDL196607 DNH196607 DXD196607 EGZ196607 EQV196607 FAR196607 FKN196607 FUJ196607 GEF196607 GOB196607 GXX196607 HHT196607 HRP196607 IBL196607 ILH196607 IVD196607 JEZ196607 JOV196607 JYR196607 KIN196607 KSJ196607 LCF196607 LMB196607 LVX196607 MFT196607 MPP196607 MZL196607 NJH196607 NTD196607 OCZ196607 OMV196607 OWR196607 PGN196607 PQJ196607 QAF196607 QKB196607 QTX196607 RDT196607 RNP196607 RXL196607 SHH196607 SRD196607 TAZ196607 TKV196607 TUR196607 UEN196607 UOJ196607 UYF196607 VIB196607 VRX196607 WBT196607 WLP196607 WVL196607 B262143 IZ262143 SV262143 ACR262143 AMN262143 AWJ262143 BGF262143 BQB262143 BZX262143 CJT262143 CTP262143 DDL262143 DNH262143 DXD262143 EGZ262143 EQV262143 FAR262143 FKN262143 FUJ262143 GEF262143 GOB262143 GXX262143 HHT262143 HRP262143 IBL262143 ILH262143 IVD262143 JEZ262143 JOV262143 JYR262143 KIN262143 KSJ262143 LCF262143 LMB262143 LVX262143 MFT262143 MPP262143 MZL262143 NJH262143 NTD262143 OCZ262143 OMV262143 OWR262143 PGN262143 PQJ262143 QAF262143 QKB262143 QTX262143 RDT262143 RNP262143 RXL262143 SHH262143 SRD262143 TAZ262143 TKV262143 TUR262143 UEN262143 UOJ262143 UYF262143 VIB262143 VRX262143 WBT262143 WLP262143 WVL262143 B327679 IZ327679 SV327679 ACR327679 AMN327679 AWJ327679 BGF327679 BQB327679 BZX327679 CJT327679 CTP327679 DDL327679 DNH327679 DXD327679 EGZ327679 EQV327679 FAR327679 FKN327679 FUJ327679 GEF327679 GOB327679 GXX327679 HHT327679 HRP327679 IBL327679 ILH327679 IVD327679 JEZ327679 JOV327679 JYR327679 KIN327679 KSJ327679 LCF327679 LMB327679 LVX327679 MFT327679 MPP327679 MZL327679 NJH327679 NTD327679 OCZ327679 OMV327679 OWR327679 PGN327679 PQJ327679 QAF327679 QKB327679 QTX327679 RDT327679 RNP327679 RXL327679 SHH327679 SRD327679 TAZ327679 TKV327679 TUR327679 UEN327679 UOJ327679 UYF327679 VIB327679 VRX327679 WBT327679 WLP327679 WVL327679 B393215 IZ393215 SV393215 ACR393215 AMN393215 AWJ393215 BGF393215 BQB393215 BZX393215 CJT393215 CTP393215 DDL393215 DNH393215 DXD393215 EGZ393215 EQV393215 FAR393215 FKN393215 FUJ393215 GEF393215 GOB393215 GXX393215 HHT393215 HRP393215 IBL393215 ILH393215 IVD393215 JEZ393215 JOV393215 JYR393215 KIN393215 KSJ393215 LCF393215 LMB393215 LVX393215 MFT393215 MPP393215 MZL393215 NJH393215 NTD393215 OCZ393215 OMV393215 OWR393215 PGN393215 PQJ393215 QAF393215 QKB393215 QTX393215 RDT393215 RNP393215 RXL393215 SHH393215 SRD393215 TAZ393215 TKV393215 TUR393215 UEN393215 UOJ393215 UYF393215 VIB393215 VRX393215 WBT393215 WLP393215 WVL393215 B458751 IZ458751 SV458751 ACR458751 AMN458751 AWJ458751 BGF458751 BQB458751 BZX458751 CJT458751 CTP458751 DDL458751 DNH458751 DXD458751 EGZ458751 EQV458751 FAR458751 FKN458751 FUJ458751 GEF458751 GOB458751 GXX458751 HHT458751 HRP458751 IBL458751 ILH458751 IVD458751 JEZ458751 JOV458751 JYR458751 KIN458751 KSJ458751 LCF458751 LMB458751 LVX458751 MFT458751 MPP458751 MZL458751 NJH458751 NTD458751 OCZ458751 OMV458751 OWR458751 PGN458751 PQJ458751 QAF458751 QKB458751 QTX458751 RDT458751 RNP458751 RXL458751 SHH458751 SRD458751 TAZ458751 TKV458751 TUR458751 UEN458751 UOJ458751 UYF458751 VIB458751 VRX458751 WBT458751 WLP458751 WVL458751 B524287 IZ524287 SV524287 ACR524287 AMN524287 AWJ524287 BGF524287 BQB524287 BZX524287 CJT524287 CTP524287 DDL524287 DNH524287 DXD524287 EGZ524287 EQV524287 FAR524287 FKN524287 FUJ524287 GEF524287 GOB524287 GXX524287 HHT524287 HRP524287 IBL524287 ILH524287 IVD524287 JEZ524287 JOV524287 JYR524287 KIN524287 KSJ524287 LCF524287 LMB524287 LVX524287 MFT524287 MPP524287 MZL524287 NJH524287 NTD524287 OCZ524287 OMV524287 OWR524287 PGN524287 PQJ524287 QAF524287 QKB524287 QTX524287 RDT524287 RNP524287 RXL524287 SHH524287 SRD524287 TAZ524287 TKV524287 TUR524287 UEN524287 UOJ524287 UYF524287 VIB524287 VRX524287 WBT524287 WLP524287 WVL524287 B589823 IZ589823 SV589823 ACR589823 AMN589823 AWJ589823 BGF589823 BQB589823 BZX589823 CJT589823 CTP589823 DDL589823 DNH589823 DXD589823 EGZ589823 EQV589823 FAR589823 FKN589823 FUJ589823 GEF589823 GOB589823 GXX589823 HHT589823 HRP589823 IBL589823 ILH589823 IVD589823 JEZ589823 JOV589823 JYR589823 KIN589823 KSJ589823 LCF589823 LMB589823 LVX589823 MFT589823 MPP589823 MZL589823 NJH589823 NTD589823 OCZ589823 OMV589823 OWR589823 PGN589823 PQJ589823 QAF589823 QKB589823 QTX589823 RDT589823 RNP589823 RXL589823 SHH589823 SRD589823 TAZ589823 TKV589823 TUR589823 UEN589823 UOJ589823 UYF589823 VIB589823 VRX589823 WBT589823 WLP589823 WVL589823 B655359 IZ655359 SV655359 ACR655359 AMN655359 AWJ655359 BGF655359 BQB655359 BZX655359 CJT655359 CTP655359 DDL655359 DNH655359 DXD655359 EGZ655359 EQV655359 FAR655359 FKN655359 FUJ655359 GEF655359 GOB655359 GXX655359 HHT655359 HRP655359 IBL655359 ILH655359 IVD655359 JEZ655359 JOV655359 JYR655359 KIN655359 KSJ655359 LCF655359 LMB655359 LVX655359 MFT655359 MPP655359 MZL655359 NJH655359 NTD655359 OCZ655359 OMV655359 OWR655359 PGN655359 PQJ655359 QAF655359 QKB655359 QTX655359 RDT655359 RNP655359 RXL655359 SHH655359 SRD655359 TAZ655359 TKV655359 TUR655359 UEN655359 UOJ655359 UYF655359 VIB655359 VRX655359 WBT655359 WLP655359 WVL655359 B720895 IZ720895 SV720895 ACR720895 AMN720895 AWJ720895 BGF720895 BQB720895 BZX720895 CJT720895 CTP720895 DDL720895 DNH720895 DXD720895 EGZ720895 EQV720895 FAR720895 FKN720895 FUJ720895 GEF720895 GOB720895 GXX720895 HHT720895 HRP720895 IBL720895 ILH720895 IVD720895 JEZ720895 JOV720895 JYR720895 KIN720895 KSJ720895 LCF720895 LMB720895 LVX720895 MFT720895 MPP720895 MZL720895 NJH720895 NTD720895 OCZ720895 OMV720895 OWR720895 PGN720895 PQJ720895 QAF720895 QKB720895 QTX720895 RDT720895 RNP720895 RXL720895 SHH720895 SRD720895 TAZ720895 TKV720895 TUR720895 UEN720895 UOJ720895 UYF720895 VIB720895 VRX720895 WBT720895 WLP720895 WVL720895 B786431 IZ786431 SV786431 ACR786431 AMN786431 AWJ786431 BGF786431 BQB786431 BZX786431 CJT786431 CTP786431 DDL786431 DNH786431 DXD786431 EGZ786431 EQV786431 FAR786431 FKN786431 FUJ786431 GEF786431 GOB786431 GXX786431 HHT786431 HRP786431 IBL786431 ILH786431 IVD786431 JEZ786431 JOV786431 JYR786431 KIN786431 KSJ786431 LCF786431 LMB786431 LVX786431 MFT786431 MPP786431 MZL786431 NJH786431 NTD786431 OCZ786431 OMV786431 OWR786431 PGN786431 PQJ786431 QAF786431 QKB786431 QTX786431 RDT786431 RNP786431 RXL786431 SHH786431 SRD786431 TAZ786431 TKV786431 TUR786431 UEN786431 UOJ786431 UYF786431 VIB786431 VRX786431 WBT786431 WLP786431 WVL786431 B851967 IZ851967 SV851967 ACR851967 AMN851967 AWJ851967 BGF851967 BQB851967 BZX851967 CJT851967 CTP851967 DDL851967 DNH851967 DXD851967 EGZ851967 EQV851967 FAR851967 FKN851967 FUJ851967 GEF851967 GOB851967 GXX851967 HHT851967 HRP851967 IBL851967 ILH851967 IVD851967 JEZ851967 JOV851967 JYR851967 KIN851967 KSJ851967 LCF851967 LMB851967 LVX851967 MFT851967 MPP851967 MZL851967 NJH851967 NTD851967 OCZ851967 OMV851967 OWR851967 PGN851967 PQJ851967 QAF851967 QKB851967 QTX851967 RDT851967 RNP851967 RXL851967 SHH851967 SRD851967 TAZ851967 TKV851967 TUR851967 UEN851967 UOJ851967 UYF851967 VIB851967 VRX851967 WBT851967 WLP851967 WVL851967 B917503 IZ917503 SV917503 ACR917503 AMN917503 AWJ917503 BGF917503 BQB917503 BZX917503 CJT917503 CTP917503 DDL917503 DNH917503 DXD917503 EGZ917503 EQV917503 FAR917503 FKN917503 FUJ917503 GEF917503 GOB917503 GXX917503 HHT917503 HRP917503 IBL917503 ILH917503 IVD917503 JEZ917503 JOV917503 JYR917503 KIN917503 KSJ917503 LCF917503 LMB917503 LVX917503 MFT917503 MPP917503 MZL917503 NJH917503 NTD917503 OCZ917503 OMV917503 OWR917503 PGN917503 PQJ917503 QAF917503 QKB917503 QTX917503 RDT917503 RNP917503 RXL917503 SHH917503 SRD917503 TAZ917503 TKV917503 TUR917503 UEN917503 UOJ917503 UYF917503 VIB917503 VRX917503 WBT917503 WLP917503 WVL917503 B983039 IZ983039 SV983039 ACR983039 AMN983039 AWJ983039 BGF983039 BQB983039 BZX983039 CJT983039 CTP983039 DDL983039 DNH983039 DXD983039 EGZ983039 EQV983039 FAR983039 FKN983039 FUJ983039 GEF983039 GOB983039 GXX983039 HHT983039 HRP983039 IBL983039 ILH983039 IVD983039 JEZ983039 JOV983039 JYR983039 KIN983039 KSJ983039 LCF983039 LMB983039 LVX983039 MFT983039 MPP983039 MZL983039 NJH983039 NTD983039 OCZ983039 OMV983039 OWR983039 PGN983039 PQJ983039 QAF983039 QKB983039 QTX983039 RDT983039 RNP983039 RXL983039 SHH983039 SRD983039 TAZ983039 TKV983039 TUR983039 UEN983039 UOJ983039 UYF983039 VIB983039 VRX983039 WBT983039 WLP983039 WVL983039 WVO983039 JC65535 SY65535 ACU65535 AMQ65535 AWM65535 BGI65535 BQE65535 CAA65535 CJW65535 CTS65535 DDO65535 DNK65535 DXG65535 EHC65535 EQY65535 FAU65535 FKQ65535 FUM65535 GEI65535 GOE65535 GYA65535 HHW65535 HRS65535 IBO65535 ILK65535 IVG65535 JFC65535 JOY65535 JYU65535 KIQ65535 KSM65535 LCI65535 LME65535 LWA65535 MFW65535 MPS65535 MZO65535 NJK65535 NTG65535 ODC65535 OMY65535 OWU65535 PGQ65535 PQM65535 QAI65535 QKE65535 QUA65535 RDW65535 RNS65535 RXO65535 SHK65535 SRG65535 TBC65535 TKY65535 TUU65535 UEQ65535 UOM65535 UYI65535 VIE65535 VSA65535 WBW65535 WLS65535 WVO65535 JC131071 SY131071 ACU131071 AMQ131071 AWM131071 BGI131071 BQE131071 CAA131071 CJW131071 CTS131071 DDO131071 DNK131071 DXG131071 EHC131071 EQY131071 FAU131071 FKQ131071 FUM131071 GEI131071 GOE131071 GYA131071 HHW131071 HRS131071 IBO131071 ILK131071 IVG131071 JFC131071 JOY131071 JYU131071 KIQ131071 KSM131071 LCI131071 LME131071 LWA131071 MFW131071 MPS131071 MZO131071 NJK131071 NTG131071 ODC131071 OMY131071 OWU131071 PGQ131071 PQM131071 QAI131071 QKE131071 QUA131071 RDW131071 RNS131071 RXO131071 SHK131071 SRG131071 TBC131071 TKY131071 TUU131071 UEQ131071 UOM131071 UYI131071 VIE131071 VSA131071 WBW131071 WLS131071 WVO131071 JC196607 SY196607 ACU196607 AMQ196607 AWM196607 BGI196607 BQE196607 CAA196607 CJW196607 CTS196607 DDO196607 DNK196607 DXG196607 EHC196607 EQY196607 FAU196607 FKQ196607 FUM196607 GEI196607 GOE196607 GYA196607 HHW196607 HRS196607 IBO196607 ILK196607 IVG196607 JFC196607 JOY196607 JYU196607 KIQ196607 KSM196607 LCI196607 LME196607 LWA196607 MFW196607 MPS196607 MZO196607 NJK196607 NTG196607 ODC196607 OMY196607 OWU196607 PGQ196607 PQM196607 QAI196607 QKE196607 QUA196607 RDW196607 RNS196607 RXO196607 SHK196607 SRG196607 TBC196607 TKY196607 TUU196607 UEQ196607 UOM196607 UYI196607 VIE196607 VSA196607 WBW196607 WLS196607 WVO196607 JC262143 SY262143 ACU262143 AMQ262143 AWM262143 BGI262143 BQE262143 CAA262143 CJW262143 CTS262143 DDO262143 DNK262143 DXG262143 EHC262143 EQY262143 FAU262143 FKQ262143 FUM262143 GEI262143 GOE262143 GYA262143 HHW262143 HRS262143 IBO262143 ILK262143 IVG262143 JFC262143 JOY262143 JYU262143 KIQ262143 KSM262143 LCI262143 LME262143 LWA262143 MFW262143 MPS262143 MZO262143 NJK262143 NTG262143 ODC262143 OMY262143 OWU262143 PGQ262143 PQM262143 QAI262143 QKE262143 QUA262143 RDW262143 RNS262143 RXO262143 SHK262143 SRG262143 TBC262143 TKY262143 TUU262143 UEQ262143 UOM262143 UYI262143 VIE262143 VSA262143 WBW262143 WLS262143 WVO262143 JC327679 SY327679 ACU327679 AMQ327679 AWM327679 BGI327679 BQE327679 CAA327679 CJW327679 CTS327679 DDO327679 DNK327679 DXG327679 EHC327679 EQY327679 FAU327679 FKQ327679 FUM327679 GEI327679 GOE327679 GYA327679 HHW327679 HRS327679 IBO327679 ILK327679 IVG327679 JFC327679 JOY327679 JYU327679 KIQ327679 KSM327679 LCI327679 LME327679 LWA327679 MFW327679 MPS327679 MZO327679 NJK327679 NTG327679 ODC327679 OMY327679 OWU327679 PGQ327679 PQM327679 QAI327679 QKE327679 QUA327679 RDW327679 RNS327679 RXO327679 SHK327679 SRG327679 TBC327679 TKY327679 TUU327679 UEQ327679 UOM327679 UYI327679 VIE327679 VSA327679 WBW327679 WLS327679 WVO327679 JC393215 SY393215 ACU393215 AMQ393215 AWM393215 BGI393215 BQE393215 CAA393215 CJW393215 CTS393215 DDO393215 DNK393215 DXG393215 EHC393215 EQY393215 FAU393215 FKQ393215 FUM393215 GEI393215 GOE393215 GYA393215 HHW393215 HRS393215 IBO393215 ILK393215 IVG393215 JFC393215 JOY393215 JYU393215 KIQ393215 KSM393215 LCI393215 LME393215 LWA393215 MFW393215 MPS393215 MZO393215 NJK393215 NTG393215 ODC393215 OMY393215 OWU393215 PGQ393215 PQM393215 QAI393215 QKE393215 QUA393215 RDW393215 RNS393215 RXO393215 SHK393215 SRG393215 TBC393215 TKY393215 TUU393215 UEQ393215 UOM393215 UYI393215 VIE393215 VSA393215 WBW393215 WLS393215 WVO393215 JC458751 SY458751 ACU458751 AMQ458751 AWM458751 BGI458751 BQE458751 CAA458751 CJW458751 CTS458751 DDO458751 DNK458751 DXG458751 EHC458751 EQY458751 FAU458751 FKQ458751 FUM458751 GEI458751 GOE458751 GYA458751 HHW458751 HRS458751 IBO458751 ILK458751 IVG458751 JFC458751 JOY458751 JYU458751 KIQ458751 KSM458751 LCI458751 LME458751 LWA458751 MFW458751 MPS458751 MZO458751 NJK458751 NTG458751 ODC458751 OMY458751 OWU458751 PGQ458751 PQM458751 QAI458751 QKE458751 QUA458751 RDW458751 RNS458751 RXO458751 SHK458751 SRG458751 TBC458751 TKY458751 TUU458751 UEQ458751 UOM458751 UYI458751 VIE458751 VSA458751 WBW458751 WLS458751 WVO458751 JC524287 SY524287 ACU524287 AMQ524287 AWM524287 BGI524287 BQE524287 CAA524287 CJW524287 CTS524287 DDO524287 DNK524287 DXG524287 EHC524287 EQY524287 FAU524287 FKQ524287 FUM524287 GEI524287 GOE524287 GYA524287 HHW524287 HRS524287 IBO524287 ILK524287 IVG524287 JFC524287 JOY524287 JYU524287 KIQ524287 KSM524287 LCI524287 LME524287 LWA524287 MFW524287 MPS524287 MZO524287 NJK524287 NTG524287 ODC524287 OMY524287 OWU524287 PGQ524287 PQM524287 QAI524287 QKE524287 QUA524287 RDW524287 RNS524287 RXO524287 SHK524287 SRG524287 TBC524287 TKY524287 TUU524287 UEQ524287 UOM524287 UYI524287 VIE524287 VSA524287 WBW524287 WLS524287 WVO524287 JC589823 SY589823 ACU589823 AMQ589823 AWM589823 BGI589823 BQE589823 CAA589823 CJW589823 CTS589823 DDO589823 DNK589823 DXG589823 EHC589823 EQY589823 FAU589823 FKQ589823 FUM589823 GEI589823 GOE589823 GYA589823 HHW589823 HRS589823 IBO589823 ILK589823 IVG589823 JFC589823 JOY589823 JYU589823 KIQ589823 KSM589823 LCI589823 LME589823 LWA589823 MFW589823 MPS589823 MZO589823 NJK589823 NTG589823 ODC589823 OMY589823 OWU589823 PGQ589823 PQM589823 QAI589823 QKE589823 QUA589823 RDW589823 RNS589823 RXO589823 SHK589823 SRG589823 TBC589823 TKY589823 TUU589823 UEQ589823 UOM589823 UYI589823 VIE589823 VSA589823 WBW589823 WLS589823 WVO589823 JC655359 SY655359 ACU655359 AMQ655359 AWM655359 BGI655359 BQE655359 CAA655359 CJW655359 CTS655359 DDO655359 DNK655359 DXG655359 EHC655359 EQY655359 FAU655359 FKQ655359 FUM655359 GEI655359 GOE655359 GYA655359 HHW655359 HRS655359 IBO655359 ILK655359 IVG655359 JFC655359 JOY655359 JYU655359 KIQ655359 KSM655359 LCI655359 LME655359 LWA655359 MFW655359 MPS655359 MZO655359 NJK655359 NTG655359 ODC655359 OMY655359 OWU655359 PGQ655359 PQM655359 QAI655359 QKE655359 QUA655359 RDW655359 RNS655359 RXO655359 SHK655359 SRG655359 TBC655359 TKY655359 TUU655359 UEQ655359 UOM655359 UYI655359 VIE655359 VSA655359 WBW655359 WLS655359 WVO655359 JC720895 SY720895 ACU720895 AMQ720895 AWM720895 BGI720895 BQE720895 CAA720895 CJW720895 CTS720895 DDO720895 DNK720895 DXG720895 EHC720895 EQY720895 FAU720895 FKQ720895 FUM720895 GEI720895 GOE720895 GYA720895 HHW720895 HRS720895 IBO720895 ILK720895 IVG720895 JFC720895 JOY720895 JYU720895 KIQ720895 KSM720895 LCI720895 LME720895 LWA720895 MFW720895 MPS720895 MZO720895 NJK720895 NTG720895 ODC720895 OMY720895 OWU720895 PGQ720895 PQM720895 QAI720895 QKE720895 QUA720895 RDW720895 RNS720895 RXO720895 SHK720895 SRG720895 TBC720895 TKY720895 TUU720895 UEQ720895 UOM720895 UYI720895 VIE720895 VSA720895 WBW720895 WLS720895 WVO720895 JC786431 SY786431 ACU786431 AMQ786431 AWM786431 BGI786431 BQE786431 CAA786431 CJW786431 CTS786431 DDO786431 DNK786431 DXG786431 EHC786431 EQY786431 FAU786431 FKQ786431 FUM786431 GEI786431 GOE786431 GYA786431 HHW786431 HRS786431 IBO786431 ILK786431 IVG786431 JFC786431 JOY786431 JYU786431 KIQ786431 KSM786431 LCI786431 LME786431 LWA786431 MFW786431 MPS786431 MZO786431 NJK786431 NTG786431 ODC786431 OMY786431 OWU786431 PGQ786431 PQM786431 QAI786431 QKE786431 QUA786431 RDW786431 RNS786431 RXO786431 SHK786431 SRG786431 TBC786431 TKY786431 TUU786431 UEQ786431 UOM786431 UYI786431 VIE786431 VSA786431 WBW786431 WLS786431 WVO786431 JC851967 SY851967 ACU851967 AMQ851967 AWM851967 BGI851967 BQE851967 CAA851967 CJW851967 CTS851967 DDO851967 DNK851967 DXG851967 EHC851967 EQY851967 FAU851967 FKQ851967 FUM851967 GEI851967 GOE851967 GYA851967 HHW851967 HRS851967 IBO851967 ILK851967 IVG851967 JFC851967 JOY851967 JYU851967 KIQ851967 KSM851967 LCI851967 LME851967 LWA851967 MFW851967 MPS851967 MZO851967 NJK851967 NTG851967 ODC851967 OMY851967 OWU851967 PGQ851967 PQM851967 QAI851967 QKE851967 QUA851967 RDW851967 RNS851967 RXO851967 SHK851967 SRG851967 TBC851967 TKY851967 TUU851967 UEQ851967 UOM851967 UYI851967 VIE851967 VSA851967 WBW851967 WLS851967 WVO851967 JC917503 SY917503 ACU917503 AMQ917503 AWM917503 BGI917503 BQE917503 CAA917503 CJW917503 CTS917503 DDO917503 DNK917503 DXG917503 EHC917503 EQY917503 FAU917503 FKQ917503 FUM917503 GEI917503 GOE917503 GYA917503 HHW917503 HRS917503 IBO917503 ILK917503 IVG917503 JFC917503 JOY917503 JYU917503 KIQ917503 KSM917503 LCI917503 LME917503 LWA917503 MFW917503 MPS917503 MZO917503 NJK917503 NTG917503 ODC917503 OMY917503 OWU917503 PGQ917503 PQM917503 QAI917503 QKE917503 QUA917503 RDW917503 RNS917503 RXO917503 SHK917503 SRG917503 TBC917503 TKY917503 TUU917503 UEQ917503 UOM917503 UYI917503 VIE917503 VSA917503 WBW917503 WLS917503 WVO917503 JC983039 SY983039 ACU983039 AMQ983039 AWM983039 BGI983039 BQE983039 CAA983039 CJW983039 CTS983039 DDO983039 DNK983039 DXG983039 EHC983039 EQY983039 FAU983039 FKQ983039 FUM983039 GEI983039 GOE983039 GYA983039 HHW983039 HRS983039 IBO983039 ILK983039 IVG983039 JFC983039 JOY983039 JYU983039 KIQ983039 KSM983039 LCI983039 LME983039 LWA983039 MFW983039 MPS983039 MZO983039 NJK983039 NTG983039 ODC983039 OMY983039 OWU983039 PGQ983039 PQM983039 QAI983039 QKE983039 QUA983039 RDW983039 RNS983039 RXO983039 SHK983039 SRG983039 TBC983039 TKY983039 TUU983039 UEQ983039 UOM983039 UYI983039 VIE983039 VSA983039 WBW983039 E983039:F983039 E917503:F917503 E851967:F851967 E786431:F786431 E720895:F720895 E655359:F655359 E589823:F589823 E524287:F524287 E458751:F458751 E393215:F393215 E327679:F327679 E262143:F262143 E196607:F196607 E131071:F131071 E65535:F65535" xr:uid="{00000000-0002-0000-0100-000000000000}">
      <formula1>"（１）地域新商品・新サービス開発支援,（２）【認定期間中】地域資源・農商工・新連携,（３）【ブラッシュアップ中】地域資源・農商工・新連携,（４）【認定終了】地域資源・農商工・新連携,（５）その他"</formula1>
    </dataValidation>
    <dataValidation type="list" allowBlank="1" showInputMessage="1" showErrorMessage="1" sqref="WVR983050:WVT983050 JB14:JD14 SX14:SZ14 ACT14:ACV14 AMP14:AMR14 AWL14:AWN14 BGH14:BGJ14 BQD14:BQF14 BZZ14:CAB14 CJV14:CJX14 CTR14:CTT14 DDN14:DDP14 DNJ14:DNL14 DXF14:DXH14 EHB14:EHD14 EQX14:EQZ14 FAT14:FAV14 FKP14:FKR14 FUL14:FUN14 GEH14:GEJ14 GOD14:GOF14 GXZ14:GYB14 HHV14:HHX14 HRR14:HRT14 IBN14:IBP14 ILJ14:ILL14 IVF14:IVH14 JFB14:JFD14 JOX14:JOZ14 JYT14:JYV14 KIP14:KIR14 KSL14:KSN14 LCH14:LCJ14 LMD14:LMF14 LVZ14:LWB14 MFV14:MFX14 MPR14:MPT14 MZN14:MZP14 NJJ14:NJL14 NTF14:NTH14 ODB14:ODD14 OMX14:OMZ14 OWT14:OWV14 PGP14:PGR14 PQL14:PQN14 QAH14:QAJ14 QKD14:QKF14 QTZ14:QUB14 RDV14:RDX14 RNR14:RNT14 RXN14:RXP14 SHJ14:SHL14 SRF14:SRH14 TBB14:TBD14 TKX14:TKZ14 TUT14:TUV14 UEP14:UER14 UOL14:UON14 UYH14:UYJ14 VID14:VIF14 VRZ14:VSB14 WBV14:WBX14 WLR14:WLT14 WVN14:WVP14 I65546:K65546 JF65546:JH65546 TB65546:TD65546 ACX65546:ACZ65546 AMT65546:AMV65546 AWP65546:AWR65546 BGL65546:BGN65546 BQH65546:BQJ65546 CAD65546:CAF65546 CJZ65546:CKB65546 CTV65546:CTX65546 DDR65546:DDT65546 DNN65546:DNP65546 DXJ65546:DXL65546 EHF65546:EHH65546 ERB65546:ERD65546 FAX65546:FAZ65546 FKT65546:FKV65546 FUP65546:FUR65546 GEL65546:GEN65546 GOH65546:GOJ65546 GYD65546:GYF65546 HHZ65546:HIB65546 HRV65546:HRX65546 IBR65546:IBT65546 ILN65546:ILP65546 IVJ65546:IVL65546 JFF65546:JFH65546 JPB65546:JPD65546 JYX65546:JYZ65546 KIT65546:KIV65546 KSP65546:KSR65546 LCL65546:LCN65546 LMH65546:LMJ65546 LWD65546:LWF65546 MFZ65546:MGB65546 MPV65546:MPX65546 MZR65546:MZT65546 NJN65546:NJP65546 NTJ65546:NTL65546 ODF65546:ODH65546 ONB65546:OND65546 OWX65546:OWZ65546 PGT65546:PGV65546 PQP65546:PQR65546 QAL65546:QAN65546 QKH65546:QKJ65546 QUD65546:QUF65546 RDZ65546:REB65546 RNV65546:RNX65546 RXR65546:RXT65546 SHN65546:SHP65546 SRJ65546:SRL65546 TBF65546:TBH65546 TLB65546:TLD65546 TUX65546:TUZ65546 UET65546:UEV65546 UOP65546:UOR65546 UYL65546:UYN65546 VIH65546:VIJ65546 VSD65546:VSF65546 WBZ65546:WCB65546 WLV65546:WLX65546 WVR65546:WVT65546 I131082:K131082 JF131082:JH131082 TB131082:TD131082 ACX131082:ACZ131082 AMT131082:AMV131082 AWP131082:AWR131082 BGL131082:BGN131082 BQH131082:BQJ131082 CAD131082:CAF131082 CJZ131082:CKB131082 CTV131082:CTX131082 DDR131082:DDT131082 DNN131082:DNP131082 DXJ131082:DXL131082 EHF131082:EHH131082 ERB131082:ERD131082 FAX131082:FAZ131082 FKT131082:FKV131082 FUP131082:FUR131082 GEL131082:GEN131082 GOH131082:GOJ131082 GYD131082:GYF131082 HHZ131082:HIB131082 HRV131082:HRX131082 IBR131082:IBT131082 ILN131082:ILP131082 IVJ131082:IVL131082 JFF131082:JFH131082 JPB131082:JPD131082 JYX131082:JYZ131082 KIT131082:KIV131082 KSP131082:KSR131082 LCL131082:LCN131082 LMH131082:LMJ131082 LWD131082:LWF131082 MFZ131082:MGB131082 MPV131082:MPX131082 MZR131082:MZT131082 NJN131082:NJP131082 NTJ131082:NTL131082 ODF131082:ODH131082 ONB131082:OND131082 OWX131082:OWZ131082 PGT131082:PGV131082 PQP131082:PQR131082 QAL131082:QAN131082 QKH131082:QKJ131082 QUD131082:QUF131082 RDZ131082:REB131082 RNV131082:RNX131082 RXR131082:RXT131082 SHN131082:SHP131082 SRJ131082:SRL131082 TBF131082:TBH131082 TLB131082:TLD131082 TUX131082:TUZ131082 UET131082:UEV131082 UOP131082:UOR131082 UYL131082:UYN131082 VIH131082:VIJ131082 VSD131082:VSF131082 WBZ131082:WCB131082 WLV131082:WLX131082 WVR131082:WVT131082 I196618:K196618 JF196618:JH196618 TB196618:TD196618 ACX196618:ACZ196618 AMT196618:AMV196618 AWP196618:AWR196618 BGL196618:BGN196618 BQH196618:BQJ196618 CAD196618:CAF196618 CJZ196618:CKB196618 CTV196618:CTX196618 DDR196618:DDT196618 DNN196618:DNP196618 DXJ196618:DXL196618 EHF196618:EHH196618 ERB196618:ERD196618 FAX196618:FAZ196618 FKT196618:FKV196618 FUP196618:FUR196618 GEL196618:GEN196618 GOH196618:GOJ196618 GYD196618:GYF196618 HHZ196618:HIB196618 HRV196618:HRX196618 IBR196618:IBT196618 ILN196618:ILP196618 IVJ196618:IVL196618 JFF196618:JFH196618 JPB196618:JPD196618 JYX196618:JYZ196618 KIT196618:KIV196618 KSP196618:KSR196618 LCL196618:LCN196618 LMH196618:LMJ196618 LWD196618:LWF196618 MFZ196618:MGB196618 MPV196618:MPX196618 MZR196618:MZT196618 NJN196618:NJP196618 NTJ196618:NTL196618 ODF196618:ODH196618 ONB196618:OND196618 OWX196618:OWZ196618 PGT196618:PGV196618 PQP196618:PQR196618 QAL196618:QAN196618 QKH196618:QKJ196618 QUD196618:QUF196618 RDZ196618:REB196618 RNV196618:RNX196618 RXR196618:RXT196618 SHN196618:SHP196618 SRJ196618:SRL196618 TBF196618:TBH196618 TLB196618:TLD196618 TUX196618:TUZ196618 UET196618:UEV196618 UOP196618:UOR196618 UYL196618:UYN196618 VIH196618:VIJ196618 VSD196618:VSF196618 WBZ196618:WCB196618 WLV196618:WLX196618 WVR196618:WVT196618 I262154:K262154 JF262154:JH262154 TB262154:TD262154 ACX262154:ACZ262154 AMT262154:AMV262154 AWP262154:AWR262154 BGL262154:BGN262154 BQH262154:BQJ262154 CAD262154:CAF262154 CJZ262154:CKB262154 CTV262154:CTX262154 DDR262154:DDT262154 DNN262154:DNP262154 DXJ262154:DXL262154 EHF262154:EHH262154 ERB262154:ERD262154 FAX262154:FAZ262154 FKT262154:FKV262154 FUP262154:FUR262154 GEL262154:GEN262154 GOH262154:GOJ262154 GYD262154:GYF262154 HHZ262154:HIB262154 HRV262154:HRX262154 IBR262154:IBT262154 ILN262154:ILP262154 IVJ262154:IVL262154 JFF262154:JFH262154 JPB262154:JPD262154 JYX262154:JYZ262154 KIT262154:KIV262154 KSP262154:KSR262154 LCL262154:LCN262154 LMH262154:LMJ262154 LWD262154:LWF262154 MFZ262154:MGB262154 MPV262154:MPX262154 MZR262154:MZT262154 NJN262154:NJP262154 NTJ262154:NTL262154 ODF262154:ODH262154 ONB262154:OND262154 OWX262154:OWZ262154 PGT262154:PGV262154 PQP262154:PQR262154 QAL262154:QAN262154 QKH262154:QKJ262154 QUD262154:QUF262154 RDZ262154:REB262154 RNV262154:RNX262154 RXR262154:RXT262154 SHN262154:SHP262154 SRJ262154:SRL262154 TBF262154:TBH262154 TLB262154:TLD262154 TUX262154:TUZ262154 UET262154:UEV262154 UOP262154:UOR262154 UYL262154:UYN262154 VIH262154:VIJ262154 VSD262154:VSF262154 WBZ262154:WCB262154 WLV262154:WLX262154 WVR262154:WVT262154 I327690:K327690 JF327690:JH327690 TB327690:TD327690 ACX327690:ACZ327690 AMT327690:AMV327690 AWP327690:AWR327690 BGL327690:BGN327690 BQH327690:BQJ327690 CAD327690:CAF327690 CJZ327690:CKB327690 CTV327690:CTX327690 DDR327690:DDT327690 DNN327690:DNP327690 DXJ327690:DXL327690 EHF327690:EHH327690 ERB327690:ERD327690 FAX327690:FAZ327690 FKT327690:FKV327690 FUP327690:FUR327690 GEL327690:GEN327690 GOH327690:GOJ327690 GYD327690:GYF327690 HHZ327690:HIB327690 HRV327690:HRX327690 IBR327690:IBT327690 ILN327690:ILP327690 IVJ327690:IVL327690 JFF327690:JFH327690 JPB327690:JPD327690 JYX327690:JYZ327690 KIT327690:KIV327690 KSP327690:KSR327690 LCL327690:LCN327690 LMH327690:LMJ327690 LWD327690:LWF327690 MFZ327690:MGB327690 MPV327690:MPX327690 MZR327690:MZT327690 NJN327690:NJP327690 NTJ327690:NTL327690 ODF327690:ODH327690 ONB327690:OND327690 OWX327690:OWZ327690 PGT327690:PGV327690 PQP327690:PQR327690 QAL327690:QAN327690 QKH327690:QKJ327690 QUD327690:QUF327690 RDZ327690:REB327690 RNV327690:RNX327690 RXR327690:RXT327690 SHN327690:SHP327690 SRJ327690:SRL327690 TBF327690:TBH327690 TLB327690:TLD327690 TUX327690:TUZ327690 UET327690:UEV327690 UOP327690:UOR327690 UYL327690:UYN327690 VIH327690:VIJ327690 VSD327690:VSF327690 WBZ327690:WCB327690 WLV327690:WLX327690 WVR327690:WVT327690 I393226:K393226 JF393226:JH393226 TB393226:TD393226 ACX393226:ACZ393226 AMT393226:AMV393226 AWP393226:AWR393226 BGL393226:BGN393226 BQH393226:BQJ393226 CAD393226:CAF393226 CJZ393226:CKB393226 CTV393226:CTX393226 DDR393226:DDT393226 DNN393226:DNP393226 DXJ393226:DXL393226 EHF393226:EHH393226 ERB393226:ERD393226 FAX393226:FAZ393226 FKT393226:FKV393226 FUP393226:FUR393226 GEL393226:GEN393226 GOH393226:GOJ393226 GYD393226:GYF393226 HHZ393226:HIB393226 HRV393226:HRX393226 IBR393226:IBT393226 ILN393226:ILP393226 IVJ393226:IVL393226 JFF393226:JFH393226 JPB393226:JPD393226 JYX393226:JYZ393226 KIT393226:KIV393226 KSP393226:KSR393226 LCL393226:LCN393226 LMH393226:LMJ393226 LWD393226:LWF393226 MFZ393226:MGB393226 MPV393226:MPX393226 MZR393226:MZT393226 NJN393226:NJP393226 NTJ393226:NTL393226 ODF393226:ODH393226 ONB393226:OND393226 OWX393226:OWZ393226 PGT393226:PGV393226 PQP393226:PQR393226 QAL393226:QAN393226 QKH393226:QKJ393226 QUD393226:QUF393226 RDZ393226:REB393226 RNV393226:RNX393226 RXR393226:RXT393226 SHN393226:SHP393226 SRJ393226:SRL393226 TBF393226:TBH393226 TLB393226:TLD393226 TUX393226:TUZ393226 UET393226:UEV393226 UOP393226:UOR393226 UYL393226:UYN393226 VIH393226:VIJ393226 VSD393226:VSF393226 WBZ393226:WCB393226 WLV393226:WLX393226 WVR393226:WVT393226 I458762:K458762 JF458762:JH458762 TB458762:TD458762 ACX458762:ACZ458762 AMT458762:AMV458762 AWP458762:AWR458762 BGL458762:BGN458762 BQH458762:BQJ458762 CAD458762:CAF458762 CJZ458762:CKB458762 CTV458762:CTX458762 DDR458762:DDT458762 DNN458762:DNP458762 DXJ458762:DXL458762 EHF458762:EHH458762 ERB458762:ERD458762 FAX458762:FAZ458762 FKT458762:FKV458762 FUP458762:FUR458762 GEL458762:GEN458762 GOH458762:GOJ458762 GYD458762:GYF458762 HHZ458762:HIB458762 HRV458762:HRX458762 IBR458762:IBT458762 ILN458762:ILP458762 IVJ458762:IVL458762 JFF458762:JFH458762 JPB458762:JPD458762 JYX458762:JYZ458762 KIT458762:KIV458762 KSP458762:KSR458762 LCL458762:LCN458762 LMH458762:LMJ458762 LWD458762:LWF458762 MFZ458762:MGB458762 MPV458762:MPX458762 MZR458762:MZT458762 NJN458762:NJP458762 NTJ458762:NTL458762 ODF458762:ODH458762 ONB458762:OND458762 OWX458762:OWZ458762 PGT458762:PGV458762 PQP458762:PQR458762 QAL458762:QAN458762 QKH458762:QKJ458762 QUD458762:QUF458762 RDZ458762:REB458762 RNV458762:RNX458762 RXR458762:RXT458762 SHN458762:SHP458762 SRJ458762:SRL458762 TBF458762:TBH458762 TLB458762:TLD458762 TUX458762:TUZ458762 UET458762:UEV458762 UOP458762:UOR458762 UYL458762:UYN458762 VIH458762:VIJ458762 VSD458762:VSF458762 WBZ458762:WCB458762 WLV458762:WLX458762 WVR458762:WVT458762 I524298:K524298 JF524298:JH524298 TB524298:TD524298 ACX524298:ACZ524298 AMT524298:AMV524298 AWP524298:AWR524298 BGL524298:BGN524298 BQH524298:BQJ524298 CAD524298:CAF524298 CJZ524298:CKB524298 CTV524298:CTX524298 DDR524298:DDT524298 DNN524298:DNP524298 DXJ524298:DXL524298 EHF524298:EHH524298 ERB524298:ERD524298 FAX524298:FAZ524298 FKT524298:FKV524298 FUP524298:FUR524298 GEL524298:GEN524298 GOH524298:GOJ524298 GYD524298:GYF524298 HHZ524298:HIB524298 HRV524298:HRX524298 IBR524298:IBT524298 ILN524298:ILP524298 IVJ524298:IVL524298 JFF524298:JFH524298 JPB524298:JPD524298 JYX524298:JYZ524298 KIT524298:KIV524298 KSP524298:KSR524298 LCL524298:LCN524298 LMH524298:LMJ524298 LWD524298:LWF524298 MFZ524298:MGB524298 MPV524298:MPX524298 MZR524298:MZT524298 NJN524298:NJP524298 NTJ524298:NTL524298 ODF524298:ODH524298 ONB524298:OND524298 OWX524298:OWZ524298 PGT524298:PGV524298 PQP524298:PQR524298 QAL524298:QAN524298 QKH524298:QKJ524298 QUD524298:QUF524298 RDZ524298:REB524298 RNV524298:RNX524298 RXR524298:RXT524298 SHN524298:SHP524298 SRJ524298:SRL524298 TBF524298:TBH524298 TLB524298:TLD524298 TUX524298:TUZ524298 UET524298:UEV524298 UOP524298:UOR524298 UYL524298:UYN524298 VIH524298:VIJ524298 VSD524298:VSF524298 WBZ524298:WCB524298 WLV524298:WLX524298 WVR524298:WVT524298 I589834:K589834 JF589834:JH589834 TB589834:TD589834 ACX589834:ACZ589834 AMT589834:AMV589834 AWP589834:AWR589834 BGL589834:BGN589834 BQH589834:BQJ589834 CAD589834:CAF589834 CJZ589834:CKB589834 CTV589834:CTX589834 DDR589834:DDT589834 DNN589834:DNP589834 DXJ589834:DXL589834 EHF589834:EHH589834 ERB589834:ERD589834 FAX589834:FAZ589834 FKT589834:FKV589834 FUP589834:FUR589834 GEL589834:GEN589834 GOH589834:GOJ589834 GYD589834:GYF589834 HHZ589834:HIB589834 HRV589834:HRX589834 IBR589834:IBT589834 ILN589834:ILP589834 IVJ589834:IVL589834 JFF589834:JFH589834 JPB589834:JPD589834 JYX589834:JYZ589834 KIT589834:KIV589834 KSP589834:KSR589834 LCL589834:LCN589834 LMH589834:LMJ589834 LWD589834:LWF589834 MFZ589834:MGB589834 MPV589834:MPX589834 MZR589834:MZT589834 NJN589834:NJP589834 NTJ589834:NTL589834 ODF589834:ODH589834 ONB589834:OND589834 OWX589834:OWZ589834 PGT589834:PGV589834 PQP589834:PQR589834 QAL589834:QAN589834 QKH589834:QKJ589834 QUD589834:QUF589834 RDZ589834:REB589834 RNV589834:RNX589834 RXR589834:RXT589834 SHN589834:SHP589834 SRJ589834:SRL589834 TBF589834:TBH589834 TLB589834:TLD589834 TUX589834:TUZ589834 UET589834:UEV589834 UOP589834:UOR589834 UYL589834:UYN589834 VIH589834:VIJ589834 VSD589834:VSF589834 WBZ589834:WCB589834 WLV589834:WLX589834 WVR589834:WVT589834 I655370:K655370 JF655370:JH655370 TB655370:TD655370 ACX655370:ACZ655370 AMT655370:AMV655370 AWP655370:AWR655370 BGL655370:BGN655370 BQH655370:BQJ655370 CAD655370:CAF655370 CJZ655370:CKB655370 CTV655370:CTX655370 DDR655370:DDT655370 DNN655370:DNP655370 DXJ655370:DXL655370 EHF655370:EHH655370 ERB655370:ERD655370 FAX655370:FAZ655370 FKT655370:FKV655370 FUP655370:FUR655370 GEL655370:GEN655370 GOH655370:GOJ655370 GYD655370:GYF655370 HHZ655370:HIB655370 HRV655370:HRX655370 IBR655370:IBT655370 ILN655370:ILP655370 IVJ655370:IVL655370 JFF655370:JFH655370 JPB655370:JPD655370 JYX655370:JYZ655370 KIT655370:KIV655370 KSP655370:KSR655370 LCL655370:LCN655370 LMH655370:LMJ655370 LWD655370:LWF655370 MFZ655370:MGB655370 MPV655370:MPX655370 MZR655370:MZT655370 NJN655370:NJP655370 NTJ655370:NTL655370 ODF655370:ODH655370 ONB655370:OND655370 OWX655370:OWZ655370 PGT655370:PGV655370 PQP655370:PQR655370 QAL655370:QAN655370 QKH655370:QKJ655370 QUD655370:QUF655370 RDZ655370:REB655370 RNV655370:RNX655370 RXR655370:RXT655370 SHN655370:SHP655370 SRJ655370:SRL655370 TBF655370:TBH655370 TLB655370:TLD655370 TUX655370:TUZ655370 UET655370:UEV655370 UOP655370:UOR655370 UYL655370:UYN655370 VIH655370:VIJ655370 VSD655370:VSF655370 WBZ655370:WCB655370 WLV655370:WLX655370 WVR655370:WVT655370 I720906:K720906 JF720906:JH720906 TB720906:TD720906 ACX720906:ACZ720906 AMT720906:AMV720906 AWP720906:AWR720906 BGL720906:BGN720906 BQH720906:BQJ720906 CAD720906:CAF720906 CJZ720906:CKB720906 CTV720906:CTX720906 DDR720906:DDT720906 DNN720906:DNP720906 DXJ720906:DXL720906 EHF720906:EHH720906 ERB720906:ERD720906 FAX720906:FAZ720906 FKT720906:FKV720906 FUP720906:FUR720906 GEL720906:GEN720906 GOH720906:GOJ720906 GYD720906:GYF720906 HHZ720906:HIB720906 HRV720906:HRX720906 IBR720906:IBT720906 ILN720906:ILP720906 IVJ720906:IVL720906 JFF720906:JFH720906 JPB720906:JPD720906 JYX720906:JYZ720906 KIT720906:KIV720906 KSP720906:KSR720906 LCL720906:LCN720906 LMH720906:LMJ720906 LWD720906:LWF720906 MFZ720906:MGB720906 MPV720906:MPX720906 MZR720906:MZT720906 NJN720906:NJP720906 NTJ720906:NTL720906 ODF720906:ODH720906 ONB720906:OND720906 OWX720906:OWZ720906 PGT720906:PGV720906 PQP720906:PQR720906 QAL720906:QAN720906 QKH720906:QKJ720906 QUD720906:QUF720906 RDZ720906:REB720906 RNV720906:RNX720906 RXR720906:RXT720906 SHN720906:SHP720906 SRJ720906:SRL720906 TBF720906:TBH720906 TLB720906:TLD720906 TUX720906:TUZ720906 UET720906:UEV720906 UOP720906:UOR720906 UYL720906:UYN720906 VIH720906:VIJ720906 VSD720906:VSF720906 WBZ720906:WCB720906 WLV720906:WLX720906 WVR720906:WVT720906 I786442:K786442 JF786442:JH786442 TB786442:TD786442 ACX786442:ACZ786442 AMT786442:AMV786442 AWP786442:AWR786442 BGL786442:BGN786442 BQH786442:BQJ786442 CAD786442:CAF786442 CJZ786442:CKB786442 CTV786442:CTX786442 DDR786442:DDT786442 DNN786442:DNP786442 DXJ786442:DXL786442 EHF786442:EHH786442 ERB786442:ERD786442 FAX786442:FAZ786442 FKT786442:FKV786442 FUP786442:FUR786442 GEL786442:GEN786442 GOH786442:GOJ786442 GYD786442:GYF786442 HHZ786442:HIB786442 HRV786442:HRX786442 IBR786442:IBT786442 ILN786442:ILP786442 IVJ786442:IVL786442 JFF786442:JFH786442 JPB786442:JPD786442 JYX786442:JYZ786442 KIT786442:KIV786442 KSP786442:KSR786442 LCL786442:LCN786442 LMH786442:LMJ786442 LWD786442:LWF786442 MFZ786442:MGB786442 MPV786442:MPX786442 MZR786442:MZT786442 NJN786442:NJP786442 NTJ786442:NTL786442 ODF786442:ODH786442 ONB786442:OND786442 OWX786442:OWZ786442 PGT786442:PGV786442 PQP786442:PQR786442 QAL786442:QAN786442 QKH786442:QKJ786442 QUD786442:QUF786442 RDZ786442:REB786442 RNV786442:RNX786442 RXR786442:RXT786442 SHN786442:SHP786442 SRJ786442:SRL786442 TBF786442:TBH786442 TLB786442:TLD786442 TUX786442:TUZ786442 UET786442:UEV786442 UOP786442:UOR786442 UYL786442:UYN786442 VIH786442:VIJ786442 VSD786442:VSF786442 WBZ786442:WCB786442 WLV786442:WLX786442 WVR786442:WVT786442 I851978:K851978 JF851978:JH851978 TB851978:TD851978 ACX851978:ACZ851978 AMT851978:AMV851978 AWP851978:AWR851978 BGL851978:BGN851978 BQH851978:BQJ851978 CAD851978:CAF851978 CJZ851978:CKB851978 CTV851978:CTX851978 DDR851978:DDT851978 DNN851978:DNP851978 DXJ851978:DXL851978 EHF851978:EHH851978 ERB851978:ERD851978 FAX851978:FAZ851978 FKT851978:FKV851978 FUP851978:FUR851978 GEL851978:GEN851978 GOH851978:GOJ851978 GYD851978:GYF851978 HHZ851978:HIB851978 HRV851978:HRX851978 IBR851978:IBT851978 ILN851978:ILP851978 IVJ851978:IVL851978 JFF851978:JFH851978 JPB851978:JPD851978 JYX851978:JYZ851978 KIT851978:KIV851978 KSP851978:KSR851978 LCL851978:LCN851978 LMH851978:LMJ851978 LWD851978:LWF851978 MFZ851978:MGB851978 MPV851978:MPX851978 MZR851978:MZT851978 NJN851978:NJP851978 NTJ851978:NTL851978 ODF851978:ODH851978 ONB851978:OND851978 OWX851978:OWZ851978 PGT851978:PGV851978 PQP851978:PQR851978 QAL851978:QAN851978 QKH851978:QKJ851978 QUD851978:QUF851978 RDZ851978:REB851978 RNV851978:RNX851978 RXR851978:RXT851978 SHN851978:SHP851978 SRJ851978:SRL851978 TBF851978:TBH851978 TLB851978:TLD851978 TUX851978:TUZ851978 UET851978:UEV851978 UOP851978:UOR851978 UYL851978:UYN851978 VIH851978:VIJ851978 VSD851978:VSF851978 WBZ851978:WCB851978 WLV851978:WLX851978 WVR851978:WVT851978 I917514:K917514 JF917514:JH917514 TB917514:TD917514 ACX917514:ACZ917514 AMT917514:AMV917514 AWP917514:AWR917514 BGL917514:BGN917514 BQH917514:BQJ917514 CAD917514:CAF917514 CJZ917514:CKB917514 CTV917514:CTX917514 DDR917514:DDT917514 DNN917514:DNP917514 DXJ917514:DXL917514 EHF917514:EHH917514 ERB917514:ERD917514 FAX917514:FAZ917514 FKT917514:FKV917514 FUP917514:FUR917514 GEL917514:GEN917514 GOH917514:GOJ917514 GYD917514:GYF917514 HHZ917514:HIB917514 HRV917514:HRX917514 IBR917514:IBT917514 ILN917514:ILP917514 IVJ917514:IVL917514 JFF917514:JFH917514 JPB917514:JPD917514 JYX917514:JYZ917514 KIT917514:KIV917514 KSP917514:KSR917514 LCL917514:LCN917514 LMH917514:LMJ917514 LWD917514:LWF917514 MFZ917514:MGB917514 MPV917514:MPX917514 MZR917514:MZT917514 NJN917514:NJP917514 NTJ917514:NTL917514 ODF917514:ODH917514 ONB917514:OND917514 OWX917514:OWZ917514 PGT917514:PGV917514 PQP917514:PQR917514 QAL917514:QAN917514 QKH917514:QKJ917514 QUD917514:QUF917514 RDZ917514:REB917514 RNV917514:RNX917514 RXR917514:RXT917514 SHN917514:SHP917514 SRJ917514:SRL917514 TBF917514:TBH917514 TLB917514:TLD917514 TUX917514:TUZ917514 UET917514:UEV917514 UOP917514:UOR917514 UYL917514:UYN917514 VIH917514:VIJ917514 VSD917514:VSF917514 WBZ917514:WCB917514 WLV917514:WLX917514 WVR917514:WVT917514 I983050:K983050 JF983050:JH983050 TB983050:TD983050 ACX983050:ACZ983050 AMT983050:AMV983050 AWP983050:AWR983050 BGL983050:BGN983050 BQH983050:BQJ983050 CAD983050:CAF983050 CJZ983050:CKB983050 CTV983050:CTX983050 DDR983050:DDT983050 DNN983050:DNP983050 DXJ983050:DXL983050 EHF983050:EHH983050 ERB983050:ERD983050 FAX983050:FAZ983050 FKT983050:FKV983050 FUP983050:FUR983050 GEL983050:GEN983050 GOH983050:GOJ983050 GYD983050:GYF983050 HHZ983050:HIB983050 HRV983050:HRX983050 IBR983050:IBT983050 ILN983050:ILP983050 IVJ983050:IVL983050 JFF983050:JFH983050 JPB983050:JPD983050 JYX983050:JYZ983050 KIT983050:KIV983050 KSP983050:KSR983050 LCL983050:LCN983050 LMH983050:LMJ983050 LWD983050:LWF983050 MFZ983050:MGB983050 MPV983050:MPX983050 MZR983050:MZT983050 NJN983050:NJP983050 NTJ983050:NTL983050 ODF983050:ODH983050 ONB983050:OND983050 OWX983050:OWZ983050 PGT983050:PGV983050 PQP983050:PQR983050 QAL983050:QAN983050 QKH983050:QKJ983050 QUD983050:QUF983050 RDZ983050:REB983050 RNV983050:RNX983050 RXR983050:RXT983050 SHN983050:SHP983050 SRJ983050:SRL983050 TBF983050:TBH983050 TLB983050:TLD983050 TUX983050:TUZ983050 UET983050:UEV983050 UOP983050:UOR983050 UYL983050:UYN983050 VIH983050:VIJ983050 VSD983050:VSF983050 WBZ983050:WCB983050 WLV983050:WLX983050" xr:uid="{00000000-0002-0000-0100-000001000000}">
      <formula1>"果物,野菜,鮮魚,塩干,加工肉,生肉,デリカ,日配,冷凍食品,加工食品,調味料,菓子,酒類,日用品・雑貨,その他"</formula1>
    </dataValidation>
    <dataValidation type="list" allowBlank="1" showInputMessage="1" showErrorMessage="1" sqref="H3:T3" xr:uid="{6214ACA1-B36B-4350-AC61-62C51E8481C4}">
      <formula1>"希望する,希望しない"</formula1>
    </dataValidation>
  </dataValidations>
  <printOptions horizontalCentered="1"/>
  <pageMargins left="0.27559055118110237" right="0.19685039370078741" top="0.51181102362204722" bottom="0.35433070866141736" header="0.19685039370078741" footer="0.19685039370078741"/>
  <pageSetup paperSize="9" scale="69" orientation="portrait" horizontalDpi="300" verticalDpi="300"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7459" r:id="rId4" name="Group Box 51">
              <controlPr defaultSize="0" autoFill="0" autoPict="0">
                <anchor moveWithCells="1">
                  <from>
                    <xdr:col>36</xdr:col>
                    <xdr:colOff>203200</xdr:colOff>
                    <xdr:row>19</xdr:row>
                    <xdr:rowOff>0</xdr:rowOff>
                  </from>
                  <to>
                    <xdr:col>38</xdr:col>
                    <xdr:colOff>527050</xdr:colOff>
                    <xdr:row>20</xdr:row>
                    <xdr:rowOff>88900</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6">
        <x14:dataValidation type="list" allowBlank="1" showInputMessage="1" showErrorMessage="1" xr:uid="{00000000-0002-0000-0100-000002000000}">
          <x14:formula1>
            <xm:f>リスト!$D$3:$D$6</xm:f>
          </x14:formula1>
          <xm:sqref>B14:G14</xm:sqref>
        </x14:dataValidation>
        <x14:dataValidation type="list" allowBlank="1" showInputMessage="1" showErrorMessage="1" xr:uid="{00000000-0002-0000-0100-000003000000}">
          <x14:formula1>
            <xm:f>リスト!$F$3:$F$4</xm:f>
          </x14:formula1>
          <xm:sqref>C41:F41 C25</xm:sqref>
        </x14:dataValidation>
        <x14:dataValidation type="list" allowBlank="1" showInputMessage="1" showErrorMessage="1" xr:uid="{00000000-0002-0000-0100-000005000000}">
          <x14:formula1>
            <xm:f>リスト!$Q$3:$Q$4</xm:f>
          </x14:formula1>
          <xm:sqref>W38:W39 M38:M39 R38:R39 Z31 V31 D38:D39 X25 Y26 H38:H39 U25 D31:D32 I31 J32 N31 S32 P22:P28 S22:S28 V22:V28 Z22:Z28</xm:sqref>
        </x14:dataValidation>
        <x14:dataValidation type="list" allowBlank="1" showInputMessage="1" showErrorMessage="1" xr:uid="{FE8BE3F7-A0CA-49CE-B53A-5DE0057F7718}">
          <x14:formula1>
            <xm:f>リスト!$H$3:$H$5</xm:f>
          </x14:formula1>
          <xm:sqref>C26:H26</xm:sqref>
        </x14:dataValidation>
        <x14:dataValidation type="list" allowBlank="1" showInputMessage="1" showErrorMessage="1" xr:uid="{4E2CE39F-F6B0-40D6-B8DF-47F9853F8F3A}">
          <x14:formula1>
            <xm:f>リスト!$J$3:$J$4</xm:f>
          </x14:formula1>
          <xm:sqref>C28:H29</xm:sqref>
        </x14:dataValidation>
        <x14:dataValidation type="list" allowBlank="1" showInputMessage="1" showErrorMessage="1" xr:uid="{BCA2D6B2-DE62-4606-9745-3DAFBDB6514E}">
          <x14:formula1>
            <xm:f>リスト!$R$4:$R$8</xm:f>
          </x14:formula1>
          <xm:sqref>C35:O35</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2:AR26"/>
  <sheetViews>
    <sheetView workbookViewId="0">
      <selection activeCell="F27" sqref="F27"/>
    </sheetView>
  </sheetViews>
  <sheetFormatPr defaultRowHeight="13"/>
  <cols>
    <col min="3" max="3" width="3.36328125" customWidth="1"/>
    <col min="5" max="5" width="3.36328125" customWidth="1"/>
    <col min="7" max="7" width="3.36328125" customWidth="1"/>
    <col min="9" max="9" width="3" customWidth="1"/>
    <col min="10" max="10" width="14.08984375" customWidth="1"/>
    <col min="11" max="11" width="2.7265625" customWidth="1"/>
    <col min="12" max="12" width="17.08984375" customWidth="1"/>
    <col min="13" max="13" width="3.26953125" customWidth="1"/>
    <col min="28" max="28" width="17.08984375" customWidth="1"/>
    <col min="33" max="33" width="23.08984375" customWidth="1"/>
    <col min="41" max="41" width="17" customWidth="1"/>
  </cols>
  <sheetData>
    <row r="2" spans="1:44">
      <c r="X2" s="50" t="s">
        <v>229</v>
      </c>
      <c r="Y2" s="50" t="s">
        <v>230</v>
      </c>
      <c r="Z2" s="50" t="s">
        <v>231</v>
      </c>
      <c r="AA2" s="50" t="s">
        <v>232</v>
      </c>
      <c r="AB2" s="50" t="s">
        <v>233</v>
      </c>
      <c r="AC2" s="50" t="s">
        <v>234</v>
      </c>
      <c r="AD2" s="50" t="s">
        <v>235</v>
      </c>
      <c r="AE2" s="50" t="s">
        <v>236</v>
      </c>
      <c r="AF2" s="50" t="s">
        <v>237</v>
      </c>
      <c r="AG2" s="50" t="s">
        <v>248</v>
      </c>
      <c r="AH2" s="50" t="s">
        <v>247</v>
      </c>
      <c r="AI2" s="50" t="s">
        <v>246</v>
      </c>
      <c r="AJ2" s="50" t="s">
        <v>245</v>
      </c>
      <c r="AK2" s="50" t="s">
        <v>244</v>
      </c>
      <c r="AL2" s="50" t="s">
        <v>243</v>
      </c>
      <c r="AM2" s="50" t="s">
        <v>242</v>
      </c>
      <c r="AN2" s="50" t="s">
        <v>241</v>
      </c>
      <c r="AO2" s="50" t="s">
        <v>240</v>
      </c>
      <c r="AP2" s="50" t="s">
        <v>239</v>
      </c>
      <c r="AQ2" s="50" t="s">
        <v>238</v>
      </c>
      <c r="AR2" s="50"/>
    </row>
    <row r="3" spans="1:44">
      <c r="A3" t="s">
        <v>72</v>
      </c>
      <c r="D3" t="s">
        <v>18</v>
      </c>
      <c r="F3" t="s">
        <v>43</v>
      </c>
      <c r="H3" t="s">
        <v>47</v>
      </c>
      <c r="J3" t="s">
        <v>49</v>
      </c>
      <c r="L3" t="s">
        <v>79</v>
      </c>
      <c r="N3" t="s">
        <v>83</v>
      </c>
      <c r="O3" t="s">
        <v>96</v>
      </c>
      <c r="X3" t="s">
        <v>132</v>
      </c>
      <c r="Y3" t="s">
        <v>133</v>
      </c>
      <c r="Z3" t="s">
        <v>130</v>
      </c>
      <c r="AA3" t="s">
        <v>134</v>
      </c>
      <c r="AB3" t="s">
        <v>135</v>
      </c>
      <c r="AC3" t="s">
        <v>136</v>
      </c>
      <c r="AD3" t="s">
        <v>137</v>
      </c>
      <c r="AE3" t="s">
        <v>138</v>
      </c>
      <c r="AF3" t="s">
        <v>139</v>
      </c>
      <c r="AG3" t="s">
        <v>140</v>
      </c>
      <c r="AH3" t="s">
        <v>141</v>
      </c>
      <c r="AI3" t="s">
        <v>142</v>
      </c>
      <c r="AJ3" t="s">
        <v>143</v>
      </c>
      <c r="AK3" t="s">
        <v>144</v>
      </c>
      <c r="AL3" t="s">
        <v>145</v>
      </c>
      <c r="AM3" t="s">
        <v>146</v>
      </c>
      <c r="AN3" t="s">
        <v>147</v>
      </c>
      <c r="AO3" t="s">
        <v>148</v>
      </c>
      <c r="AP3" t="s">
        <v>149</v>
      </c>
      <c r="AQ3" t="s">
        <v>131</v>
      </c>
    </row>
    <row r="4" spans="1:44" ht="16.5">
      <c r="A4" t="s">
        <v>73</v>
      </c>
      <c r="D4" t="s">
        <v>17</v>
      </c>
      <c r="F4" t="s">
        <v>44</v>
      </c>
      <c r="H4" t="s">
        <v>46</v>
      </c>
      <c r="J4" t="s">
        <v>50</v>
      </c>
      <c r="L4" t="s">
        <v>80</v>
      </c>
      <c r="N4" t="s">
        <v>84</v>
      </c>
      <c r="O4" t="s">
        <v>97</v>
      </c>
      <c r="Q4" s="27" t="s">
        <v>68</v>
      </c>
      <c r="R4" t="s">
        <v>125</v>
      </c>
      <c r="X4" t="s">
        <v>150</v>
      </c>
      <c r="Y4" t="s">
        <v>151</v>
      </c>
      <c r="AA4" t="s">
        <v>152</v>
      </c>
      <c r="AB4" t="s">
        <v>153</v>
      </c>
      <c r="AC4" t="s">
        <v>154</v>
      </c>
      <c r="AD4" t="s">
        <v>155</v>
      </c>
      <c r="AE4" t="s">
        <v>156</v>
      </c>
      <c r="AF4" t="s">
        <v>157</v>
      </c>
      <c r="AG4" t="s">
        <v>158</v>
      </c>
      <c r="AH4" t="s">
        <v>159</v>
      </c>
      <c r="AI4" t="s">
        <v>160</v>
      </c>
      <c r="AJ4" t="s">
        <v>161</v>
      </c>
      <c r="AK4" t="s">
        <v>162</v>
      </c>
      <c r="AL4" t="s">
        <v>163</v>
      </c>
      <c r="AM4" t="s">
        <v>164</v>
      </c>
      <c r="AN4" t="s">
        <v>165</v>
      </c>
      <c r="AO4" t="s">
        <v>166</v>
      </c>
      <c r="AP4" t="s">
        <v>167</v>
      </c>
    </row>
    <row r="5" spans="1:44">
      <c r="A5" t="s">
        <v>74</v>
      </c>
      <c r="D5" t="s">
        <v>16</v>
      </c>
      <c r="H5" t="s">
        <v>48</v>
      </c>
      <c r="O5" t="s">
        <v>98</v>
      </c>
      <c r="R5" t="s">
        <v>126</v>
      </c>
      <c r="AA5" t="s">
        <v>168</v>
      </c>
      <c r="AB5" t="s">
        <v>169</v>
      </c>
      <c r="AC5" t="s">
        <v>170</v>
      </c>
      <c r="AD5" t="s">
        <v>171</v>
      </c>
      <c r="AE5" t="s">
        <v>172</v>
      </c>
      <c r="AF5" t="s">
        <v>173</v>
      </c>
      <c r="AG5" t="s">
        <v>174</v>
      </c>
      <c r="AH5" t="s">
        <v>175</v>
      </c>
      <c r="AI5" t="s">
        <v>176</v>
      </c>
      <c r="AJ5" t="s">
        <v>177</v>
      </c>
      <c r="AK5" t="s">
        <v>178</v>
      </c>
      <c r="AM5" t="s">
        <v>179</v>
      </c>
      <c r="AO5" t="s">
        <v>180</v>
      </c>
    </row>
    <row r="6" spans="1:44">
      <c r="D6" t="s">
        <v>15</v>
      </c>
      <c r="O6" t="s">
        <v>99</v>
      </c>
      <c r="R6" t="s">
        <v>127</v>
      </c>
      <c r="AB6" t="s">
        <v>181</v>
      </c>
      <c r="AC6" t="s">
        <v>182</v>
      </c>
      <c r="AD6" t="s">
        <v>183</v>
      </c>
      <c r="AE6" t="s">
        <v>184</v>
      </c>
      <c r="AF6" t="s">
        <v>185</v>
      </c>
      <c r="AG6" t="s">
        <v>186</v>
      </c>
      <c r="AI6" t="s">
        <v>187</v>
      </c>
      <c r="AO6" t="s">
        <v>188</v>
      </c>
    </row>
    <row r="7" spans="1:44">
      <c r="O7" t="s">
        <v>100</v>
      </c>
      <c r="R7" t="s">
        <v>128</v>
      </c>
      <c r="AB7" t="s">
        <v>189</v>
      </c>
      <c r="AD7" t="s">
        <v>190</v>
      </c>
      <c r="AE7" t="s">
        <v>191</v>
      </c>
      <c r="AF7" t="s">
        <v>192</v>
      </c>
      <c r="AG7" t="s">
        <v>193</v>
      </c>
      <c r="AO7" t="s">
        <v>194</v>
      </c>
    </row>
    <row r="8" spans="1:44">
      <c r="F8" t="s">
        <v>76</v>
      </c>
      <c r="O8" t="s">
        <v>101</v>
      </c>
      <c r="R8" t="s">
        <v>129</v>
      </c>
      <c r="AB8" t="s">
        <v>195</v>
      </c>
      <c r="AE8" t="s">
        <v>196</v>
      </c>
      <c r="AF8" t="s">
        <v>197</v>
      </c>
      <c r="AG8" t="s">
        <v>198</v>
      </c>
      <c r="AO8" t="s">
        <v>199</v>
      </c>
    </row>
    <row r="9" spans="1:44">
      <c r="F9" t="s">
        <v>77</v>
      </c>
      <c r="O9" t="s">
        <v>102</v>
      </c>
      <c r="AB9" t="s">
        <v>200</v>
      </c>
      <c r="AE9" t="s">
        <v>201</v>
      </c>
      <c r="AF9" t="s">
        <v>202</v>
      </c>
      <c r="AO9" t="s">
        <v>203</v>
      </c>
    </row>
    <row r="10" spans="1:44">
      <c r="O10" t="s">
        <v>103</v>
      </c>
      <c r="AB10" t="s">
        <v>204</v>
      </c>
      <c r="AE10" t="s">
        <v>205</v>
      </c>
      <c r="AF10" t="s">
        <v>206</v>
      </c>
      <c r="AO10" t="s">
        <v>207</v>
      </c>
    </row>
    <row r="11" spans="1:44">
      <c r="O11" t="s">
        <v>104</v>
      </c>
      <c r="AB11" t="s">
        <v>208</v>
      </c>
      <c r="AF11" t="s">
        <v>209</v>
      </c>
      <c r="AO11" t="s">
        <v>210</v>
      </c>
    </row>
    <row r="12" spans="1:44">
      <c r="O12" t="s">
        <v>105</v>
      </c>
      <c r="AB12" t="s">
        <v>211</v>
      </c>
      <c r="AF12" t="s">
        <v>212</v>
      </c>
    </row>
    <row r="13" spans="1:44">
      <c r="O13" t="s">
        <v>11</v>
      </c>
      <c r="AB13" t="s">
        <v>213</v>
      </c>
      <c r="AF13" t="s">
        <v>214</v>
      </c>
    </row>
    <row r="14" spans="1:44">
      <c r="O14" t="s">
        <v>106</v>
      </c>
      <c r="AB14" t="s">
        <v>215</v>
      </c>
      <c r="AF14" t="s">
        <v>216</v>
      </c>
    </row>
    <row r="15" spans="1:44">
      <c r="O15" t="s">
        <v>107</v>
      </c>
      <c r="AB15" t="s">
        <v>217</v>
      </c>
    </row>
    <row r="16" spans="1:44">
      <c r="O16" t="s">
        <v>108</v>
      </c>
      <c r="AB16" t="s">
        <v>218</v>
      </c>
    </row>
    <row r="17" spans="1:35">
      <c r="A17" t="s">
        <v>124</v>
      </c>
      <c r="O17" t="s">
        <v>109</v>
      </c>
      <c r="AB17" t="s">
        <v>219</v>
      </c>
    </row>
    <row r="18" spans="1:35">
      <c r="AB18" t="s">
        <v>220</v>
      </c>
    </row>
    <row r="19" spans="1:35">
      <c r="AB19" t="s">
        <v>221</v>
      </c>
    </row>
    <row r="20" spans="1:35">
      <c r="AB20" t="s">
        <v>222</v>
      </c>
    </row>
    <row r="21" spans="1:35">
      <c r="AB21" t="s">
        <v>223</v>
      </c>
    </row>
    <row r="22" spans="1:35">
      <c r="AB22" t="s">
        <v>224</v>
      </c>
    </row>
    <row r="23" spans="1:35">
      <c r="AB23" t="s">
        <v>225</v>
      </c>
    </row>
    <row r="24" spans="1:35">
      <c r="AB24" t="s">
        <v>226</v>
      </c>
    </row>
    <row r="25" spans="1:35">
      <c r="O25" s="50"/>
      <c r="P25" s="50"/>
      <c r="Q25" s="50"/>
      <c r="R25" s="50"/>
      <c r="S25" s="50"/>
      <c r="T25" s="50"/>
      <c r="U25" s="50"/>
      <c r="V25" s="50"/>
      <c r="W25" s="50"/>
      <c r="X25" s="50"/>
      <c r="Y25" s="50"/>
      <c r="Z25" s="50"/>
      <c r="AA25" s="50"/>
      <c r="AB25" s="50" t="s">
        <v>227</v>
      </c>
      <c r="AC25" s="50"/>
      <c r="AD25" s="50"/>
      <c r="AE25" s="50"/>
      <c r="AF25" s="50"/>
      <c r="AG25" s="50"/>
      <c r="AH25" s="50"/>
      <c r="AI25" s="50"/>
    </row>
    <row r="26" spans="1:35">
      <c r="AB26" t="s">
        <v>228</v>
      </c>
    </row>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1</vt:i4>
      </vt:variant>
    </vt:vector>
  </HeadingPairs>
  <TitlesOfParts>
    <vt:vector size="23" baseType="lpstr">
      <vt:lpstr>商品カルテ</vt:lpstr>
      <vt:lpstr>リスト</vt:lpstr>
      <vt:lpstr>商品カルテ!Print_Area</vt:lpstr>
      <vt:lpstr>サービス業・他に分類されないもの</vt:lpstr>
      <vt:lpstr>医療・福祉</vt:lpstr>
      <vt:lpstr>運輸業・郵便業</vt:lpstr>
      <vt:lpstr>卸売業・小売業</vt:lpstr>
      <vt:lpstr>学術研究・専門・技術サービス業</vt:lpstr>
      <vt:lpstr>漁業</vt:lpstr>
      <vt:lpstr>教育・学習支援業</vt:lpstr>
      <vt:lpstr>金融業・保険業</vt:lpstr>
      <vt:lpstr>建設業</vt:lpstr>
      <vt:lpstr>公務・他に分類されるものを除く</vt:lpstr>
      <vt:lpstr>鉱業・採石業・砂利採取業</vt:lpstr>
      <vt:lpstr>宿泊業・飲食サービス業</vt:lpstr>
      <vt:lpstr>情報通信業</vt:lpstr>
      <vt:lpstr>生活関連サービス業・娯楽業</vt:lpstr>
      <vt:lpstr>製造業</vt:lpstr>
      <vt:lpstr>電気・ガス・熱供給・水道業</vt:lpstr>
      <vt:lpstr>農業・林業</vt:lpstr>
      <vt:lpstr>不動産業・物品賃貸業</vt:lpstr>
      <vt:lpstr>複合サービス事業</vt:lpstr>
      <vt:lpstr>分類不能の産業</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cp:lastModifiedBy>
  <cp:lastPrinted>2022-12-27T04:30:18Z</cp:lastPrinted>
  <dcterms:created xsi:type="dcterms:W3CDTF">2020-08-14T05:30:01Z</dcterms:created>
  <dcterms:modified xsi:type="dcterms:W3CDTF">2024-06-18T09:02:50Z</dcterms:modified>
</cp:coreProperties>
</file>